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theme/theme3.xml" ContentType="application/vnd.openxmlformats-officedocument.theme+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tags/tag371.xml" ContentType="application/vnd.openxmlformats-officedocument.presentationml.tags+xml"/>
  <Override PartName="/ppt/tags/tag372.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33" r:id="rId40"/>
    <p:sldMasterId id="2147483817" r:id="rId41"/>
    <p:sldMasterId id="2147483812" r:id="rId42"/>
  </p:sldMasterIdLst>
  <p:notesMasterIdLst>
    <p:notesMasterId r:id="rId63"/>
  </p:notesMasterIdLst>
  <p:handoutMasterIdLst>
    <p:handoutMasterId r:id="rId64"/>
  </p:handoutMasterIdLst>
  <p:sldIdLst>
    <p:sldId id="457" r:id="rId43"/>
    <p:sldId id="450" r:id="rId44"/>
    <p:sldId id="256" r:id="rId45"/>
    <p:sldId id="461" r:id="rId46"/>
    <p:sldId id="466" r:id="rId47"/>
    <p:sldId id="469" r:id="rId48"/>
    <p:sldId id="452" r:id="rId49"/>
    <p:sldId id="463" r:id="rId50"/>
    <p:sldId id="453" r:id="rId51"/>
    <p:sldId id="467" r:id="rId52"/>
    <p:sldId id="465" r:id="rId53"/>
    <p:sldId id="454" r:id="rId54"/>
    <p:sldId id="458" r:id="rId55"/>
    <p:sldId id="472" r:id="rId56"/>
    <p:sldId id="471" r:id="rId57"/>
    <p:sldId id="473" r:id="rId58"/>
    <p:sldId id="477" r:id="rId59"/>
    <p:sldId id="474" r:id="rId60"/>
    <p:sldId id="475" r:id="rId61"/>
    <p:sldId id="476" r:id="rId62"/>
  </p:sldIdLst>
  <p:sldSz cx="12195175" cy="6858000"/>
  <p:notesSz cx="6858000" cy="9144000"/>
  <p:custDataLst>
    <p:tags r:id="rId65"/>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195A"/>
    <a:srgbClr val="FF0000"/>
    <a:srgbClr val="0F46A7"/>
    <a:srgbClr val="970A82"/>
    <a:srgbClr val="FF3399"/>
    <a:srgbClr val="FFFFFF"/>
    <a:srgbClr val="FEE3A1"/>
    <a:srgbClr val="FFF1D0"/>
    <a:srgbClr val="FFF8E7"/>
    <a:srgbClr val="FECE5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38B9705-9226-45A0-BEDA-B5F1A9C50CC0}" v="3589" dt="2023-07-23T19:54:35.147"/>
    <p1510:client id="{3BF482F2-FECC-491A-8342-A03DE2225356}" v="378" vWet="390" dt="2023-07-23T19:53:18.914"/>
    <p1510:client id="{D55ECCB9-558E-4714-8373-CDFDFF4B312C}" v="52" dt="2023-07-23T20:42:55.868"/>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81" d="100"/>
          <a:sy n="81" d="100"/>
        </p:scale>
        <p:origin x="727" y="48"/>
      </p:cViewPr>
      <p:guideLst>
        <p:guide pos="3841"/>
        <p:guide orient="horz" pos="2160"/>
      </p:guideLst>
    </p:cSldViewPr>
  </p:slideViewPr>
  <p:notesTextViewPr>
    <p:cViewPr>
      <p:scale>
        <a:sx n="1" d="1"/>
        <a:sy n="1" d="1"/>
      </p:scale>
      <p:origin x="0" y="0"/>
    </p:cViewPr>
  </p:notesText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Master" Target="slideMasters/slideMaster3.xml"/><Relationship Id="rId47" Type="http://schemas.openxmlformats.org/officeDocument/2006/relationships/slide" Target="slides/slide5.xml"/><Relationship Id="rId63" Type="http://schemas.openxmlformats.org/officeDocument/2006/relationships/notesMaster" Target="notesMasters/notesMaster1.xml"/><Relationship Id="rId68"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slideMaster" Target="slideMasters/slideMaster1.xml"/><Relationship Id="rId45" Type="http://schemas.openxmlformats.org/officeDocument/2006/relationships/slide" Target="slides/slide3.xml"/><Relationship Id="rId53" Type="http://schemas.openxmlformats.org/officeDocument/2006/relationships/slide" Target="slides/slide11.xml"/><Relationship Id="rId58" Type="http://schemas.openxmlformats.org/officeDocument/2006/relationships/slide" Target="slides/slide16.xml"/><Relationship Id="rId66"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slide" Target="slides/slide19.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1.xml"/><Relationship Id="rId48" Type="http://schemas.openxmlformats.org/officeDocument/2006/relationships/slide" Target="slides/slide6.xml"/><Relationship Id="rId56" Type="http://schemas.openxmlformats.org/officeDocument/2006/relationships/slide" Target="slides/slide14.xml"/><Relationship Id="rId64" Type="http://schemas.openxmlformats.org/officeDocument/2006/relationships/handoutMaster" Target="handoutMasters/handoutMaster1.xml"/><Relationship Id="rId69"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slide" Target="slides/slide9.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4.xml"/><Relationship Id="rId59" Type="http://schemas.openxmlformats.org/officeDocument/2006/relationships/slide" Target="slides/slide17.xml"/><Relationship Id="rId67" Type="http://schemas.openxmlformats.org/officeDocument/2006/relationships/viewProps" Target="viewProps.xml"/><Relationship Id="rId20" Type="http://schemas.openxmlformats.org/officeDocument/2006/relationships/customXml" Target="../customXml/item20.xml"/><Relationship Id="rId41" Type="http://schemas.openxmlformats.org/officeDocument/2006/relationships/slideMaster" Target="slideMasters/slideMaster2.xml"/><Relationship Id="rId54" Type="http://schemas.openxmlformats.org/officeDocument/2006/relationships/slide" Target="slides/slide12.xml"/><Relationship Id="rId62" Type="http://schemas.openxmlformats.org/officeDocument/2006/relationships/slide" Target="slides/slide20.xml"/><Relationship Id="rId70"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7.xml"/><Relationship Id="rId57" Type="http://schemas.openxmlformats.org/officeDocument/2006/relationships/slide" Target="slides/slide15.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2.xml"/><Relationship Id="rId52" Type="http://schemas.openxmlformats.org/officeDocument/2006/relationships/slide" Target="slides/slide10.xml"/><Relationship Id="rId60" Type="http://schemas.openxmlformats.org/officeDocument/2006/relationships/slide" Target="slides/slide18.xml"/><Relationship Id="rId65"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 Target="slides/slide8.xml"/><Relationship Id="rId55" Type="http://schemas.openxmlformats.org/officeDocument/2006/relationships/slide" Target="slides/slide1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a:lvl1pPr>
          </a:lstStyle>
          <a:p>
            <a:fld id="{7D8C2C35-2B8A-446E-BEC0-FD36716C29AC}" type="slidenum">
              <a:rPr lang="de-DE" smtClean="0"/>
              <a:pPr/>
              <a:t>‹#›</a:t>
            </a:fld>
            <a:endParaRPr lang="de-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de-DE" smtClean="0"/>
              <a:pPr/>
              <a:t>2</a:t>
            </a:fld>
            <a:endParaRPr lang="de-DE"/>
          </a:p>
        </p:txBody>
      </p:sp>
    </p:spTree>
    <p:extLst>
      <p:ext uri="{BB962C8B-B14F-4D97-AF65-F5344CB8AC3E}">
        <p14:creationId xmlns:p14="http://schemas.microsoft.com/office/powerpoint/2010/main" val="246106513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47500" lnSpcReduction="20000"/>
          </a:bodyPr>
          <a:lstStyle/>
          <a:p>
            <a:pPr marL="0" marR="0">
              <a:spcBef>
                <a:spcPts val="0"/>
              </a:spcBef>
              <a:spcAft>
                <a:spcPts val="0"/>
              </a:spcAft>
            </a:pPr>
            <a:r>
              <a:rPr lang="en-US" sz="1400">
                <a:effectLst/>
                <a:latin typeface="Calibri" panose="020F0502020204030204" pitchFamily="34" charset="0"/>
              </a:rPr>
              <a:t> Educational purpose :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Use bird classification teach students biology , ecology, environmental science</a:t>
            </a:r>
          </a:p>
          <a:p>
            <a:pPr marL="0" marR="0">
              <a:spcBef>
                <a:spcPts val="0"/>
              </a:spcBef>
              <a:spcAft>
                <a:spcPts val="0"/>
              </a:spcAft>
            </a:pPr>
            <a:endParaRPr lang="en-US" sz="1400">
              <a:effectLst/>
              <a:latin typeface="Calibri" panose="020F0502020204030204" pitchFamily="34" charset="0"/>
            </a:endParaRPr>
          </a:p>
          <a:p>
            <a:pPr marL="0" marR="0">
              <a:spcBef>
                <a:spcPts val="0"/>
              </a:spcBef>
              <a:spcAft>
                <a:spcPts val="0"/>
              </a:spcAft>
            </a:pPr>
            <a:r>
              <a:rPr lang="en-US" sz="1400">
                <a:effectLst/>
                <a:latin typeface="Calibri" panose="020F0502020204030204" pitchFamily="34" charset="0"/>
              </a:rPr>
              <a:t> </a:t>
            </a:r>
          </a:p>
          <a:p>
            <a:pPr marL="0" marR="0">
              <a:spcBef>
                <a:spcPts val="0"/>
              </a:spcBef>
              <a:spcAft>
                <a:spcPts val="0"/>
              </a:spcAft>
            </a:pPr>
            <a:r>
              <a:rPr lang="en-US" sz="1400" err="1">
                <a:effectLst/>
                <a:latin typeface="Calibri" panose="020F0502020204030204" pitchFamily="34" charset="0"/>
              </a:rPr>
              <a:t>Ecoturism</a:t>
            </a:r>
            <a:r>
              <a:rPr lang="en-US" sz="1400">
                <a:effectLst/>
                <a:latin typeface="Calibri" panose="020F0502020204030204" pitchFamily="34" charset="0"/>
              </a:rPr>
              <a:t>: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Lighter carbon footprint</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Only love to watch and study -&gt; protect natural habitats and wildlife</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Travel long distances to spot rare species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Multi-billion dollar </a:t>
            </a:r>
            <a:r>
              <a:rPr lang="en-US" sz="1400" err="1">
                <a:effectLst/>
                <a:latin typeface="Calibri" panose="020F0502020204030204" pitchFamily="34" charset="0"/>
              </a:rPr>
              <a:t>ecoturism</a:t>
            </a:r>
            <a:r>
              <a:rPr lang="en-US" sz="1400">
                <a:effectLst/>
                <a:latin typeface="Calibri" panose="020F0502020204030204" pitchFamily="34" charset="0"/>
              </a:rPr>
              <a:t> industry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 </a:t>
            </a:r>
          </a:p>
          <a:p>
            <a:pPr marL="0" marR="0">
              <a:spcBef>
                <a:spcPts val="0"/>
              </a:spcBef>
              <a:spcAft>
                <a:spcPts val="0"/>
              </a:spcAft>
            </a:pPr>
            <a:r>
              <a:rPr lang="en-US" sz="1400">
                <a:effectLst/>
                <a:latin typeface="Calibri" panose="020F0502020204030204" pitchFamily="34" charset="0"/>
              </a:rPr>
              <a:t> </a:t>
            </a:r>
          </a:p>
          <a:p>
            <a:pPr marL="0" marR="0">
              <a:spcBef>
                <a:spcPts val="0"/>
              </a:spcBef>
              <a:spcAft>
                <a:spcPts val="0"/>
              </a:spcAft>
            </a:pPr>
            <a:r>
              <a:rPr lang="en-US" sz="1400">
                <a:effectLst/>
                <a:latin typeface="Calibri" panose="020F0502020204030204" pitchFamily="34" charset="0"/>
              </a:rPr>
              <a:t> </a:t>
            </a:r>
          </a:p>
          <a:p>
            <a:pPr marL="0" marR="0">
              <a:spcBef>
                <a:spcPts val="0"/>
              </a:spcBef>
              <a:spcAft>
                <a:spcPts val="0"/>
              </a:spcAft>
            </a:pPr>
            <a:r>
              <a:rPr lang="en-US" sz="1400">
                <a:effectLst/>
                <a:latin typeface="Calibri" panose="020F0502020204030204" pitchFamily="34" charset="0"/>
              </a:rPr>
              <a:t>Birding / Birdwatching with technology: ✅</a:t>
            </a:r>
          </a:p>
          <a:p>
            <a:pPr marL="0" marR="0">
              <a:spcBef>
                <a:spcPts val="0"/>
              </a:spcBef>
              <a:spcAft>
                <a:spcPts val="0"/>
              </a:spcAft>
            </a:pPr>
            <a:r>
              <a:rPr lang="de-DE" sz="1400">
                <a:solidFill>
                  <a:srgbClr val="141415"/>
                </a:solidFill>
                <a:effectLst/>
                <a:latin typeface="monumentgrotesk"/>
              </a:rPr>
              <a:t>"</a:t>
            </a:r>
            <a:r>
              <a:rPr lang="de-DE" sz="1400" err="1">
                <a:solidFill>
                  <a:srgbClr val="141415"/>
                </a:solidFill>
                <a:effectLst/>
                <a:latin typeface="monumentgrotesk"/>
              </a:rPr>
              <a:t>It's</a:t>
            </a:r>
            <a:r>
              <a:rPr lang="de-DE" sz="1400">
                <a:solidFill>
                  <a:srgbClr val="141415"/>
                </a:solidFill>
                <a:effectLst/>
                <a:latin typeface="monumentgrotesk"/>
              </a:rPr>
              <a:t> </a:t>
            </a:r>
            <a:r>
              <a:rPr lang="de-DE" sz="1400" err="1">
                <a:solidFill>
                  <a:srgbClr val="141415"/>
                </a:solidFill>
                <a:effectLst/>
                <a:latin typeface="monumentgrotesk"/>
              </a:rPr>
              <a:t>made</a:t>
            </a:r>
            <a:r>
              <a:rPr lang="de-DE" sz="1400">
                <a:solidFill>
                  <a:srgbClr val="141415"/>
                </a:solidFill>
                <a:effectLst/>
                <a:latin typeface="monumentgrotesk"/>
              </a:rPr>
              <a:t> </a:t>
            </a:r>
            <a:r>
              <a:rPr lang="de-DE" sz="1400" err="1">
                <a:solidFill>
                  <a:srgbClr val="141415"/>
                </a:solidFill>
                <a:effectLst/>
                <a:latin typeface="monumentgrotesk"/>
              </a:rPr>
              <a:t>it</a:t>
            </a:r>
            <a:r>
              <a:rPr lang="de-DE" sz="1400">
                <a:solidFill>
                  <a:srgbClr val="141415"/>
                </a:solidFill>
                <a:effectLst/>
                <a:latin typeface="monumentgrotesk"/>
              </a:rPr>
              <a:t> </a:t>
            </a:r>
            <a:r>
              <a:rPr lang="de-DE" sz="1400" err="1">
                <a:solidFill>
                  <a:srgbClr val="141415"/>
                </a:solidFill>
                <a:effectLst/>
                <a:latin typeface="monumentgrotesk"/>
              </a:rPr>
              <a:t>easier</a:t>
            </a:r>
            <a:r>
              <a:rPr lang="de-DE" sz="1400">
                <a:solidFill>
                  <a:srgbClr val="141415"/>
                </a:solidFill>
                <a:effectLst/>
                <a:latin typeface="monumentgrotesk"/>
              </a:rPr>
              <a:t> </a:t>
            </a:r>
            <a:r>
              <a:rPr lang="de-DE" sz="1400" err="1">
                <a:solidFill>
                  <a:srgbClr val="141415"/>
                </a:solidFill>
                <a:effectLst/>
                <a:latin typeface="monumentgrotesk"/>
              </a:rPr>
              <a:t>to</a:t>
            </a:r>
            <a:r>
              <a:rPr lang="de-DE" sz="1400">
                <a:solidFill>
                  <a:srgbClr val="141415"/>
                </a:solidFill>
                <a:effectLst/>
                <a:latin typeface="monumentgrotesk"/>
              </a:rPr>
              <a:t> </a:t>
            </a:r>
            <a:r>
              <a:rPr lang="de-DE" sz="1400" err="1">
                <a:solidFill>
                  <a:srgbClr val="141415"/>
                </a:solidFill>
                <a:effectLst/>
                <a:latin typeface="monumentgrotesk"/>
              </a:rPr>
              <a:t>get</a:t>
            </a:r>
            <a:r>
              <a:rPr lang="de-DE" sz="1400">
                <a:solidFill>
                  <a:srgbClr val="141415"/>
                </a:solidFill>
                <a:effectLst/>
                <a:latin typeface="monumentgrotesk"/>
              </a:rPr>
              <a:t> </a:t>
            </a:r>
            <a:r>
              <a:rPr lang="de-DE" sz="1400" err="1">
                <a:solidFill>
                  <a:srgbClr val="141415"/>
                </a:solidFill>
                <a:effectLst/>
                <a:latin typeface="monumentgrotesk"/>
              </a:rPr>
              <a:t>the</a:t>
            </a:r>
            <a:r>
              <a:rPr lang="de-DE" sz="1400">
                <a:solidFill>
                  <a:srgbClr val="141415"/>
                </a:solidFill>
                <a:effectLst/>
                <a:latin typeface="monumentgrotesk"/>
              </a:rPr>
              <a:t> </a:t>
            </a:r>
            <a:r>
              <a:rPr lang="de-DE" sz="1400" err="1">
                <a:solidFill>
                  <a:srgbClr val="141415"/>
                </a:solidFill>
                <a:effectLst/>
                <a:latin typeface="monumentgrotesk"/>
              </a:rPr>
              <a:t>information</a:t>
            </a:r>
            <a:r>
              <a:rPr lang="de-DE" sz="1400">
                <a:solidFill>
                  <a:srgbClr val="141415"/>
                </a:solidFill>
                <a:effectLst/>
                <a:latin typeface="monumentgrotesk"/>
              </a:rPr>
              <a:t> </a:t>
            </a:r>
            <a:r>
              <a:rPr lang="de-DE" sz="1400" err="1">
                <a:solidFill>
                  <a:srgbClr val="141415"/>
                </a:solidFill>
                <a:effectLst/>
                <a:latin typeface="monumentgrotesk"/>
              </a:rPr>
              <a:t>you</a:t>
            </a:r>
            <a:r>
              <a:rPr lang="de-DE" sz="1400">
                <a:solidFill>
                  <a:srgbClr val="141415"/>
                </a:solidFill>
                <a:effectLst/>
                <a:latin typeface="monumentgrotesk"/>
              </a:rPr>
              <a:t> </a:t>
            </a:r>
            <a:r>
              <a:rPr lang="de-DE" sz="1400" err="1">
                <a:solidFill>
                  <a:srgbClr val="141415"/>
                </a:solidFill>
                <a:effectLst/>
                <a:latin typeface="monumentgrotesk"/>
              </a:rPr>
              <a:t>need</a:t>
            </a:r>
            <a:r>
              <a:rPr lang="de-DE" sz="1400">
                <a:solidFill>
                  <a:srgbClr val="141415"/>
                </a:solidFill>
                <a:effectLst/>
                <a:latin typeface="monumentgrotesk"/>
              </a:rPr>
              <a:t> </a:t>
            </a:r>
            <a:r>
              <a:rPr lang="de-DE" sz="1400" err="1">
                <a:solidFill>
                  <a:srgbClr val="141415"/>
                </a:solidFill>
                <a:effectLst/>
                <a:latin typeface="monumentgrotesk"/>
              </a:rPr>
              <a:t>to</a:t>
            </a:r>
            <a:r>
              <a:rPr lang="de-DE" sz="1400">
                <a:solidFill>
                  <a:srgbClr val="141415"/>
                </a:solidFill>
                <a:effectLst/>
                <a:latin typeface="monumentgrotesk"/>
              </a:rPr>
              <a:t> </a:t>
            </a:r>
            <a:r>
              <a:rPr lang="de-DE" sz="1400" err="1">
                <a:solidFill>
                  <a:srgbClr val="141415"/>
                </a:solidFill>
                <a:effectLst/>
                <a:latin typeface="monumentgrotesk"/>
              </a:rPr>
              <a:t>identify</a:t>
            </a:r>
            <a:r>
              <a:rPr lang="de-DE" sz="1400">
                <a:solidFill>
                  <a:srgbClr val="141415"/>
                </a:solidFill>
                <a:effectLst/>
                <a:latin typeface="monumentgrotesk"/>
              </a:rPr>
              <a:t> </a:t>
            </a:r>
            <a:r>
              <a:rPr lang="de-DE" sz="1400" err="1">
                <a:solidFill>
                  <a:srgbClr val="141415"/>
                </a:solidFill>
                <a:effectLst/>
                <a:latin typeface="monumentgrotesk"/>
              </a:rPr>
              <a:t>birds</a:t>
            </a:r>
            <a:r>
              <a:rPr lang="de-DE" sz="1400">
                <a:solidFill>
                  <a:srgbClr val="141415"/>
                </a:solidFill>
                <a:effectLst/>
                <a:latin typeface="monumentgrotesk"/>
              </a:rPr>
              <a:t> and </a:t>
            </a:r>
            <a:r>
              <a:rPr lang="de-DE" sz="1400" err="1">
                <a:solidFill>
                  <a:srgbClr val="141415"/>
                </a:solidFill>
                <a:effectLst/>
                <a:latin typeface="monumentgrotesk"/>
              </a:rPr>
              <a:t>figure</a:t>
            </a:r>
            <a:r>
              <a:rPr lang="de-DE" sz="1400">
                <a:solidFill>
                  <a:srgbClr val="141415"/>
                </a:solidFill>
                <a:effectLst/>
                <a:latin typeface="monumentgrotesk"/>
              </a:rPr>
              <a:t> out </a:t>
            </a:r>
            <a:r>
              <a:rPr lang="de-DE" sz="1400" err="1">
                <a:solidFill>
                  <a:srgbClr val="141415"/>
                </a:solidFill>
                <a:effectLst/>
                <a:latin typeface="monumentgrotesk"/>
              </a:rPr>
              <a:t>where</a:t>
            </a:r>
            <a:r>
              <a:rPr lang="de-DE" sz="1400">
                <a:solidFill>
                  <a:srgbClr val="141415"/>
                </a:solidFill>
                <a:effectLst/>
                <a:latin typeface="monumentgrotesk"/>
              </a:rPr>
              <a:t> </a:t>
            </a:r>
            <a:r>
              <a:rPr lang="de-DE" sz="1400" err="1">
                <a:solidFill>
                  <a:srgbClr val="141415"/>
                </a:solidFill>
                <a:effectLst/>
                <a:latin typeface="monumentgrotesk"/>
              </a:rPr>
              <a:t>to</a:t>
            </a:r>
            <a:r>
              <a:rPr lang="de-DE" sz="1400">
                <a:solidFill>
                  <a:srgbClr val="141415"/>
                </a:solidFill>
                <a:effectLst/>
                <a:latin typeface="monumentgrotesk"/>
              </a:rPr>
              <a:t> find </a:t>
            </a:r>
            <a:r>
              <a:rPr lang="de-DE" sz="1400" err="1">
                <a:solidFill>
                  <a:srgbClr val="141415"/>
                </a:solidFill>
                <a:effectLst/>
                <a:latin typeface="monumentgrotesk"/>
              </a:rPr>
              <a:t>them</a:t>
            </a:r>
            <a:r>
              <a:rPr lang="de-DE" sz="1400">
                <a:solidFill>
                  <a:srgbClr val="141415"/>
                </a:solidFill>
                <a:effectLst/>
                <a:latin typeface="monumentgrotesk"/>
              </a:rPr>
              <a:t>.</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Identify birds by their appearance other apps by appearance </a:t>
            </a:r>
            <a:r>
              <a:rPr lang="en-US" sz="1400" err="1">
                <a:effectLst/>
                <a:latin typeface="Calibri" panose="020F0502020204030204" pitchFamily="34" charset="0"/>
              </a:rPr>
              <a:t>ans</a:t>
            </a:r>
            <a:r>
              <a:rPr lang="en-US" sz="1400">
                <a:effectLst/>
                <a:latin typeface="Calibri" panose="020F0502020204030204" pitchFamily="34" charset="0"/>
              </a:rPr>
              <a:t> songs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Other alert you when rare bird is spotted in your area </a:t>
            </a:r>
            <a:br>
              <a:rPr lang="en-US" sz="1400">
                <a:effectLst/>
                <a:latin typeface="Calibri" panose="020F0502020204030204" pitchFamily="34" charset="0"/>
              </a:rPr>
            </a:br>
            <a:r>
              <a:rPr lang="en-US" sz="1400">
                <a:effectLst/>
                <a:latin typeface="Calibri" panose="020F0502020204030204" pitchFamily="34" charset="0"/>
              </a:rPr>
              <a:t> </a:t>
            </a:r>
          </a:p>
          <a:p>
            <a:pPr marL="0" marR="0">
              <a:spcBef>
                <a:spcPts val="0"/>
              </a:spcBef>
              <a:spcAft>
                <a:spcPts val="0"/>
              </a:spcAft>
            </a:pPr>
            <a:r>
              <a:rPr lang="en-US" sz="1400">
                <a:effectLst/>
                <a:latin typeface="Calibri" panose="020F0502020204030204" pitchFamily="34" charset="0"/>
              </a:rPr>
              <a:t> </a:t>
            </a:r>
          </a:p>
          <a:p>
            <a:pPr marL="0" marR="0">
              <a:spcBef>
                <a:spcPts val="0"/>
              </a:spcBef>
              <a:spcAft>
                <a:spcPts val="0"/>
              </a:spcAft>
            </a:pPr>
            <a:r>
              <a:rPr lang="en-US" sz="1400" err="1">
                <a:effectLst/>
                <a:latin typeface="Calibri" panose="020F0502020204030204" pitchFamily="34" charset="0"/>
              </a:rPr>
              <a:t>Montioring</a:t>
            </a:r>
            <a:r>
              <a:rPr lang="en-US" sz="1400">
                <a:effectLst/>
                <a:latin typeface="Calibri" panose="020F0502020204030204" pitchFamily="34" charset="0"/>
              </a:rPr>
              <a:t> </a:t>
            </a:r>
            <a:r>
              <a:rPr lang="en-US" sz="1400" err="1">
                <a:effectLst/>
                <a:latin typeface="Calibri" panose="020F0502020204030204" pitchFamily="34" charset="0"/>
              </a:rPr>
              <a:t>endagered</a:t>
            </a:r>
            <a:r>
              <a:rPr lang="en-US" sz="1400">
                <a:effectLst/>
                <a:latin typeface="Calibri" panose="020F0502020204030204" pitchFamily="34" charset="0"/>
              </a:rPr>
              <a:t> species: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Ai can identify which images contain rare species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Reduce manual labor to collect </a:t>
            </a:r>
            <a:r>
              <a:rPr lang="en-US" sz="1400" err="1">
                <a:effectLst/>
                <a:latin typeface="Calibri" panose="020F0502020204030204" pitchFamily="34" charset="0"/>
              </a:rPr>
              <a:t>onservation</a:t>
            </a:r>
            <a:r>
              <a:rPr lang="en-US" sz="1400">
                <a:effectLst/>
                <a:latin typeface="Calibri" panose="020F0502020204030204" pitchFamily="34" charset="0"/>
              </a:rPr>
              <a:t> data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Helping to protect species</a:t>
            </a:r>
          </a:p>
          <a:p>
            <a:pPr marL="342900">
              <a:spcBef>
                <a:spcPts val="0"/>
              </a:spcBef>
              <a:spcAft>
                <a:spcPts val="1200"/>
              </a:spcAft>
            </a:pPr>
            <a:r>
              <a:rPr lang="de-DE" sz="1400" err="1">
                <a:solidFill>
                  <a:srgbClr val="2F2F2F"/>
                </a:solidFill>
                <a:effectLst/>
                <a:latin typeface="GuardianTextEgyptian"/>
              </a:rPr>
              <a:t>Conservationists</a:t>
            </a:r>
            <a:r>
              <a:rPr lang="de-DE" sz="1400">
                <a:solidFill>
                  <a:srgbClr val="2F2F2F"/>
                </a:solidFill>
                <a:effectLst/>
                <a:latin typeface="GuardianTextEgyptian"/>
              </a:rPr>
              <a:t> </a:t>
            </a:r>
            <a:r>
              <a:rPr lang="de-DE" sz="1400" err="1">
                <a:solidFill>
                  <a:srgbClr val="2F2F2F"/>
                </a:solidFill>
                <a:effectLst/>
                <a:latin typeface="GuardianTextEgyptian"/>
              </a:rPr>
              <a:t>had</a:t>
            </a:r>
            <a:r>
              <a:rPr lang="de-DE" sz="1400">
                <a:solidFill>
                  <a:srgbClr val="2F2F2F"/>
                </a:solidFill>
                <a:effectLst/>
                <a:latin typeface="GuardianTextEgyptian"/>
              </a:rPr>
              <a:t> </a:t>
            </a:r>
            <a:r>
              <a:rPr lang="de-DE" sz="1400" err="1">
                <a:solidFill>
                  <a:srgbClr val="2F2F2F"/>
                </a:solidFill>
                <a:effectLst/>
                <a:latin typeface="GuardianTextEgyptian"/>
              </a:rPr>
              <a:t>been</a:t>
            </a:r>
            <a:r>
              <a:rPr lang="de-DE" sz="1400">
                <a:solidFill>
                  <a:srgbClr val="2F2F2F"/>
                </a:solidFill>
                <a:effectLst/>
                <a:latin typeface="GuardianTextEgyptian"/>
              </a:rPr>
              <a:t> </a:t>
            </a:r>
            <a:r>
              <a:rPr lang="de-DE" sz="1400" err="1">
                <a:solidFill>
                  <a:srgbClr val="2F2F2F"/>
                </a:solidFill>
                <a:effectLst/>
                <a:latin typeface="GuardianTextEgyptian"/>
              </a:rPr>
              <a:t>using</a:t>
            </a:r>
            <a:r>
              <a:rPr lang="de-DE" sz="1400">
                <a:solidFill>
                  <a:srgbClr val="2F2F2F"/>
                </a:solidFill>
                <a:effectLst/>
                <a:latin typeface="GuardianTextEgyptian"/>
              </a:rPr>
              <a:t> </a:t>
            </a:r>
            <a:r>
              <a:rPr lang="de-DE" sz="1400" err="1">
                <a:solidFill>
                  <a:srgbClr val="2F2F2F"/>
                </a:solidFill>
                <a:effectLst/>
                <a:latin typeface="GuardianTextEgyptian"/>
              </a:rPr>
              <a:t>automated</a:t>
            </a:r>
            <a:r>
              <a:rPr lang="de-DE" sz="1400">
                <a:solidFill>
                  <a:srgbClr val="2F2F2F"/>
                </a:solidFill>
                <a:effectLst/>
                <a:latin typeface="GuardianTextEgyptian"/>
              </a:rPr>
              <a:t> </a:t>
            </a:r>
            <a:r>
              <a:rPr lang="de-DE" sz="1400" err="1">
                <a:solidFill>
                  <a:srgbClr val="2F2F2F"/>
                </a:solidFill>
                <a:effectLst/>
                <a:latin typeface="GuardianTextEgyptian"/>
              </a:rPr>
              <a:t>cameras</a:t>
            </a:r>
            <a:r>
              <a:rPr lang="de-DE" sz="1400">
                <a:solidFill>
                  <a:srgbClr val="2F2F2F"/>
                </a:solidFill>
                <a:effectLst/>
                <a:latin typeface="GuardianTextEgyptian"/>
              </a:rPr>
              <a:t> </a:t>
            </a:r>
            <a:r>
              <a:rPr lang="de-DE" sz="1400" err="1">
                <a:solidFill>
                  <a:srgbClr val="2F2F2F"/>
                </a:solidFill>
                <a:effectLst/>
                <a:latin typeface="GuardianTextEgyptian"/>
              </a:rPr>
              <a:t>to</a:t>
            </a:r>
            <a:r>
              <a:rPr lang="de-DE" sz="1400">
                <a:solidFill>
                  <a:srgbClr val="2F2F2F"/>
                </a:solidFill>
                <a:effectLst/>
                <a:latin typeface="GuardianTextEgyptian"/>
              </a:rPr>
              <a:t> </a:t>
            </a:r>
            <a:r>
              <a:rPr lang="de-DE" sz="1400" err="1">
                <a:solidFill>
                  <a:srgbClr val="2F2F2F"/>
                </a:solidFill>
                <a:effectLst/>
                <a:latin typeface="GuardianTextEgyptian"/>
              </a:rPr>
              <a:t>capture</a:t>
            </a:r>
            <a:r>
              <a:rPr lang="de-DE" sz="1400">
                <a:solidFill>
                  <a:srgbClr val="2F2F2F"/>
                </a:solidFill>
                <a:effectLst/>
                <a:latin typeface="GuardianTextEgyptian"/>
              </a:rPr>
              <a:t> </a:t>
            </a:r>
            <a:r>
              <a:rPr lang="de-DE" sz="1400" err="1">
                <a:solidFill>
                  <a:srgbClr val="2F2F2F"/>
                </a:solidFill>
                <a:effectLst/>
                <a:latin typeface="GuardianTextEgyptian"/>
              </a:rPr>
              <a:t>species</a:t>
            </a:r>
            <a:r>
              <a:rPr lang="de-DE" sz="1400">
                <a:solidFill>
                  <a:srgbClr val="2F2F2F"/>
                </a:solidFill>
                <a:effectLst/>
                <a:latin typeface="GuardianTextEgyptian"/>
              </a:rPr>
              <a:t>,</a:t>
            </a:r>
          </a:p>
          <a:p>
            <a:pPr marL="342900" marR="0">
              <a:spcBef>
                <a:spcPts val="0"/>
              </a:spcBef>
              <a:spcAft>
                <a:spcPts val="0"/>
              </a:spcAft>
            </a:pPr>
            <a:r>
              <a:rPr lang="en-US" sz="1400">
                <a:effectLst/>
                <a:latin typeface="Calibri" panose="020F0502020204030204" pitchFamily="34" charset="0"/>
              </a:rPr>
              <a:t> </a:t>
            </a:r>
          </a:p>
          <a:p>
            <a:pPr marL="0" marR="0">
              <a:spcBef>
                <a:spcPts val="0"/>
              </a:spcBef>
              <a:spcAft>
                <a:spcPts val="0"/>
              </a:spcAft>
            </a:pPr>
            <a:r>
              <a:rPr lang="en-US" sz="1400">
                <a:effectLst/>
                <a:latin typeface="Calibri" panose="020F0502020204030204" pitchFamily="34" charset="0"/>
              </a:rPr>
              <a:t>Bird </a:t>
            </a:r>
            <a:r>
              <a:rPr lang="en-US" sz="1400" err="1">
                <a:effectLst/>
                <a:latin typeface="Calibri" panose="020F0502020204030204" pitchFamily="34" charset="0"/>
              </a:rPr>
              <a:t>indentification</a:t>
            </a:r>
            <a:r>
              <a:rPr lang="en-US" sz="1400">
                <a:effectLst/>
                <a:latin typeface="Calibri" panose="020F0502020204030204" pitchFamily="34" charset="0"/>
              </a:rPr>
              <a:t>: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Most </a:t>
            </a:r>
            <a:r>
              <a:rPr lang="en-US" sz="1400" err="1">
                <a:effectLst/>
                <a:latin typeface="Calibri" panose="020F0502020204030204" pitchFamily="34" charset="0"/>
              </a:rPr>
              <a:t>dificult</a:t>
            </a:r>
            <a:r>
              <a:rPr lang="en-US" sz="1400">
                <a:effectLst/>
                <a:latin typeface="Calibri" panose="020F0502020204030204" pitchFamily="34" charset="0"/>
              </a:rPr>
              <a:t> tasks for beginners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Struggle with identifying birds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Some bird look familiar </a:t>
            </a:r>
          </a:p>
          <a:p>
            <a:pPr rtl="0" fontAlgn="ctr">
              <a:spcBef>
                <a:spcPts val="0"/>
              </a:spcBef>
              <a:spcAft>
                <a:spcPts val="0"/>
              </a:spcAft>
              <a:buFont typeface="Arial" panose="020B0604020202020204" pitchFamily="34" charset="0"/>
              <a:buChar char="•"/>
            </a:pPr>
            <a:r>
              <a:rPr lang="en-US" sz="1400">
                <a:effectLst/>
                <a:latin typeface="Calibri" panose="020F0502020204030204" pitchFamily="34" charset="0"/>
              </a:rPr>
              <a:t>Help identify bird more easily </a:t>
            </a:r>
          </a:p>
          <a:p>
            <a:endParaRPr lang="de-DE"/>
          </a:p>
          <a:p>
            <a:endParaRPr lang="de-DE"/>
          </a:p>
          <a:p>
            <a:endParaRPr lang="de-DE"/>
          </a:p>
          <a:p>
            <a:endParaRPr lang="de-DE"/>
          </a:p>
          <a:p>
            <a:r>
              <a:rPr lang="de-DE"/>
              <a:t>---------------------------------------------------</a:t>
            </a:r>
          </a:p>
          <a:p>
            <a:r>
              <a:rPr lang="de-DE"/>
              <a:t>Wildlife </a:t>
            </a:r>
            <a:r>
              <a:rPr lang="de-DE" err="1"/>
              <a:t>photography</a:t>
            </a:r>
            <a:r>
              <a:rPr lang="de-DE"/>
              <a:t> : </a:t>
            </a:r>
            <a:r>
              <a:rPr lang="en-US"/>
              <a:t>Bird classification can be used to enhance the experience of wildlife photographers by helping them identify and learn more about the species they capture, improving their knowledge and appreciation of the natural world.</a:t>
            </a:r>
          </a:p>
          <a:p>
            <a:endParaRPr lang="en-US"/>
          </a:p>
          <a:p>
            <a:r>
              <a:rPr lang="en-US"/>
              <a:t>Ecotourism: Birdwatching is a popular ecotourism activity, and bird classification in pictures can help tourists identify the species they encounter, enriching their experience and fostering a greater appreciation for wildlife and conservation efforts.</a:t>
            </a:r>
          </a:p>
          <a:p>
            <a:endParaRPr lang="en-US"/>
          </a:p>
          <a:p>
            <a:r>
              <a:rPr lang="en-US"/>
              <a:t> Birdwatching: Birdwatching enthusiasts can use apps to identify birds they observe in the wild. This can enhance their experience and help them keep track of the different species they've spotted.</a:t>
            </a:r>
          </a:p>
          <a:p>
            <a:endParaRPr lang="en-US"/>
          </a:p>
          <a:p>
            <a:r>
              <a:rPr lang="en-US"/>
              <a:t>Monitoring endangered species: Identifying bird species in pictures can help track the presence and distribution of endangered species, providing valuable data for conservation efforts.</a:t>
            </a:r>
            <a:br>
              <a:rPr lang="en-US"/>
            </a:br>
            <a:endParaRPr lang="en-US"/>
          </a:p>
          <a:p>
            <a:r>
              <a:rPr lang="en-US"/>
              <a:t>Educational purposes: Teachers can use bird classification in pictures as an engaging way to teach students about biology, ecology, and environmental science, helping to inspire the next generation of scientists and conservationists.</a:t>
            </a:r>
            <a:br>
              <a:rPr lang="en-US"/>
            </a:br>
            <a:endParaRPr lang="en-US"/>
          </a:p>
          <a:p>
            <a:endParaRPr lang="en-US"/>
          </a:p>
          <a:p>
            <a:endParaRPr lang="de-DE"/>
          </a:p>
        </p:txBody>
      </p:sp>
      <p:sp>
        <p:nvSpPr>
          <p:cNvPr id="4" name="Slide Number Placeholder 3"/>
          <p:cNvSpPr>
            <a:spLocks noGrp="1"/>
          </p:cNvSpPr>
          <p:nvPr>
            <p:ph type="sldNum" sz="quarter" idx="5"/>
          </p:nvPr>
        </p:nvSpPr>
        <p:spPr/>
        <p:txBody>
          <a:bodyPr/>
          <a:lstStyle/>
          <a:p>
            <a:fld id="{7D8C2C35-2B8A-446E-BEC0-FD36716C29AC}" type="slidenum">
              <a:rPr lang="de-DE" smtClean="0"/>
              <a:pPr/>
              <a:t>4</a:t>
            </a:fld>
            <a:endParaRPr lang="de-DE"/>
          </a:p>
        </p:txBody>
      </p:sp>
    </p:spTree>
    <p:extLst>
      <p:ext uri="{BB962C8B-B14F-4D97-AF65-F5344CB8AC3E}">
        <p14:creationId xmlns:p14="http://schemas.microsoft.com/office/powerpoint/2010/main" val="99542951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buFont typeface="Arial" panose="020B0604020202020204" pitchFamily="34" charset="0"/>
              <a:buChar char="•"/>
            </a:pPr>
            <a:r>
              <a:rPr lang="en-US"/>
              <a:t>Bird Species classification Web Application</a:t>
            </a:r>
          </a:p>
          <a:p>
            <a:pPr marL="342900" indent="-342900">
              <a:buFont typeface="Arial" panose="020B0604020202020204" pitchFamily="34" charset="0"/>
              <a:buChar char="•"/>
            </a:pPr>
            <a:r>
              <a:rPr lang="en-US"/>
              <a:t>Utilizes Kaggle dataset of 525 bird species</a:t>
            </a:r>
          </a:p>
          <a:p>
            <a:pPr marL="342900" indent="-342900">
              <a:buFont typeface="Arial" panose="020B0604020202020204" pitchFamily="34" charset="0"/>
              <a:buChar char="•"/>
            </a:pPr>
            <a:r>
              <a:rPr lang="en-US"/>
              <a:t>Image recognition for bird classification on provided input image </a:t>
            </a:r>
          </a:p>
          <a:p>
            <a:pPr marL="342900" indent="-342900">
              <a:buFont typeface="Arial" panose="020B0604020202020204" pitchFamily="34" charset="0"/>
              <a:buChar char="•"/>
            </a:pPr>
            <a:r>
              <a:rPr lang="en-US"/>
              <a:t>Provide detailed information of identified bird species</a:t>
            </a:r>
          </a:p>
          <a:p>
            <a:pPr marL="342900" indent="-342900">
              <a:buFont typeface="Arial" panose="020B0604020202020204" pitchFamily="34" charset="0"/>
              <a:buChar char="•"/>
            </a:pPr>
            <a:r>
              <a:rPr lang="en-US"/>
              <a:t>Simplified method for bird enthusiasts to identify different birds </a:t>
            </a:r>
          </a:p>
          <a:p>
            <a:endParaRPr lang="de-DE"/>
          </a:p>
          <a:p>
            <a:pPr marL="342900" indent="-342900">
              <a:buFont typeface="Arial" panose="020B0604020202020204" pitchFamily="34" charset="0"/>
              <a:buChar char="•"/>
            </a:pPr>
            <a:r>
              <a:rPr lang="en-US"/>
              <a:t>Web application for identifying different species of birds (classify) </a:t>
            </a:r>
          </a:p>
          <a:p>
            <a:pPr marL="342900" indent="-342900">
              <a:buFont typeface="Arial" panose="020B0604020202020204" pitchFamily="34" charset="0"/>
              <a:buChar char="•"/>
            </a:pPr>
            <a:r>
              <a:rPr lang="en-US"/>
              <a:t>Image recognition to classify birds based on provided bird input image </a:t>
            </a:r>
          </a:p>
          <a:p>
            <a:pPr marL="342900" indent="-342900">
              <a:buFont typeface="Arial" panose="020B0604020202020204" pitchFamily="34" charset="0"/>
              <a:buChar char="•"/>
            </a:pPr>
            <a:r>
              <a:rPr lang="en-US"/>
              <a:t>Simplified method for bird enthusiasts to identify different birds </a:t>
            </a:r>
          </a:p>
          <a:p>
            <a:pPr marL="342900" indent="-342900">
              <a:buFont typeface="Arial" panose="020B0604020202020204" pitchFamily="34" charset="0"/>
              <a:buChar char="•"/>
            </a:pPr>
            <a:r>
              <a:rPr lang="en-US"/>
              <a:t>Provide detailed information of identified bird </a:t>
            </a:r>
          </a:p>
          <a:p>
            <a:pPr marL="522864" lvl="1" indent="-342900">
              <a:buFont typeface="Arial" panose="020B0604020202020204" pitchFamily="34" charset="0"/>
              <a:buChar char="•"/>
            </a:pPr>
            <a:r>
              <a:rPr lang="en-US"/>
              <a:t>Short summary</a:t>
            </a:r>
          </a:p>
          <a:p>
            <a:pPr marL="522864" lvl="1" indent="-342900">
              <a:buFont typeface="Arial" panose="020B0604020202020204" pitchFamily="34" charset="0"/>
              <a:buChar char="•"/>
            </a:pPr>
            <a:r>
              <a:rPr lang="en-US"/>
              <a:t>Whole Wikipedia page </a:t>
            </a:r>
          </a:p>
          <a:p>
            <a:endParaRPr lang="de-DE"/>
          </a:p>
        </p:txBody>
      </p:sp>
      <p:sp>
        <p:nvSpPr>
          <p:cNvPr id="4" name="Slide Number Placeholder 3"/>
          <p:cNvSpPr>
            <a:spLocks noGrp="1"/>
          </p:cNvSpPr>
          <p:nvPr>
            <p:ph type="sldNum" sz="quarter" idx="5"/>
          </p:nvPr>
        </p:nvSpPr>
        <p:spPr/>
        <p:txBody>
          <a:bodyPr/>
          <a:lstStyle/>
          <a:p>
            <a:fld id="{7D8C2C35-2B8A-446E-BEC0-FD36716C29AC}" type="slidenum">
              <a:rPr lang="de-DE" smtClean="0"/>
              <a:pPr/>
              <a:t>5</a:t>
            </a:fld>
            <a:endParaRPr lang="de-DE"/>
          </a:p>
        </p:txBody>
      </p:sp>
    </p:spTree>
    <p:extLst>
      <p:ext uri="{BB962C8B-B14F-4D97-AF65-F5344CB8AC3E}">
        <p14:creationId xmlns:p14="http://schemas.microsoft.com/office/powerpoint/2010/main" val="303083036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de-DE" smtClean="0"/>
              <a:pPr/>
              <a:t>6</a:t>
            </a:fld>
            <a:endParaRPr lang="de-DE"/>
          </a:p>
        </p:txBody>
      </p:sp>
    </p:spTree>
    <p:extLst>
      <p:ext uri="{BB962C8B-B14F-4D97-AF65-F5344CB8AC3E}">
        <p14:creationId xmlns:p14="http://schemas.microsoft.com/office/powerpoint/2010/main" val="358428067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buFont typeface="Arial" panose="020B0604020202020204" pitchFamily="34" charset="0"/>
              <a:buChar char="•"/>
            </a:pPr>
            <a:r>
              <a:rPr lang="en-US"/>
              <a:t>Frontend: </a:t>
            </a:r>
          </a:p>
          <a:p>
            <a:pPr rtl="0" fontAlgn="ctr">
              <a:spcBef>
                <a:spcPts val="0"/>
              </a:spcBef>
              <a:spcAft>
                <a:spcPts val="0"/>
              </a:spcAft>
              <a:buFont typeface="Arial" panose="020B0604020202020204" pitchFamily="34" charset="0"/>
              <a:buChar char="•"/>
            </a:pPr>
            <a:r>
              <a:rPr lang="en-US" sz="1100" b="1">
                <a:effectLst/>
                <a:latin typeface="Calibri" panose="020F0502020204030204" pitchFamily="34" charset="0"/>
              </a:rPr>
              <a:t>Usage of Next.js </a:t>
            </a:r>
            <a:endParaRPr lang="en-US" sz="1100">
              <a:effectLst/>
              <a:latin typeface="Calibri" panose="020F0502020204030204" pitchFamily="34" charset="0"/>
            </a:endParaRPr>
          </a:p>
          <a:p>
            <a:pPr rtl="0" fontAlgn="ctr">
              <a:spcBef>
                <a:spcPts val="0"/>
              </a:spcBef>
              <a:spcAft>
                <a:spcPts val="0"/>
              </a:spcAft>
              <a:buFont typeface="Arial" panose="020B0604020202020204" pitchFamily="34" charset="0"/>
              <a:buChar char="•"/>
            </a:pPr>
            <a:r>
              <a:rPr lang="en-US" sz="1100" b="1">
                <a:effectLst/>
                <a:latin typeface="Calibri" panose="020F0502020204030204" pitchFamily="34" charset="0"/>
              </a:rPr>
              <a:t>CSS for styling the page </a:t>
            </a:r>
            <a:endParaRPr lang="en-US" sz="1100">
              <a:effectLst/>
              <a:latin typeface="Calibri" panose="020F0502020204030204" pitchFamily="34" charset="0"/>
            </a:endParaRPr>
          </a:p>
          <a:p>
            <a:pPr rtl="0" fontAlgn="ctr">
              <a:spcBef>
                <a:spcPts val="0"/>
              </a:spcBef>
              <a:spcAft>
                <a:spcPts val="0"/>
              </a:spcAft>
              <a:buFont typeface="Arial" panose="020B0604020202020204" pitchFamily="34" charset="0"/>
              <a:buChar char="•"/>
            </a:pPr>
            <a:r>
              <a:rPr lang="en-US" sz="1100" b="1">
                <a:effectLst/>
                <a:latin typeface="Calibri" panose="020F0502020204030204" pitchFamily="34" charset="0"/>
              </a:rPr>
              <a:t>Upload button: </a:t>
            </a:r>
            <a:endParaRPr lang="en-US" sz="1100">
              <a:effectLst/>
              <a:latin typeface="Calibri" panose="020F0502020204030204" pitchFamily="34" charset="0"/>
            </a:endParaRPr>
          </a:p>
          <a:p>
            <a:pPr marL="742950" lvl="1" indent="-285750" rtl="0" fontAlgn="ctr">
              <a:spcBef>
                <a:spcPts val="0"/>
              </a:spcBef>
              <a:spcAft>
                <a:spcPts val="0"/>
              </a:spcAft>
              <a:buFont typeface="Courier New" panose="02070309020205020404" pitchFamily="49" charset="0"/>
              <a:buChar char="o"/>
            </a:pPr>
            <a:r>
              <a:rPr lang="en-US" sz="1100" b="1">
                <a:effectLst/>
                <a:latin typeface="Calibri" panose="020F0502020204030204" pitchFamily="34" charset="0"/>
              </a:rPr>
              <a:t> bird image to classify it with model</a:t>
            </a:r>
            <a:endParaRPr lang="en-US" sz="1100">
              <a:effectLst/>
              <a:latin typeface="Calibri" panose="020F0502020204030204" pitchFamily="34" charset="0"/>
            </a:endParaRPr>
          </a:p>
          <a:p>
            <a:pPr marL="742950" lvl="1" indent="-285750" rtl="0" fontAlgn="ctr">
              <a:spcBef>
                <a:spcPts val="0"/>
              </a:spcBef>
              <a:spcAft>
                <a:spcPts val="0"/>
              </a:spcAft>
              <a:buFont typeface="Courier New" panose="02070309020205020404" pitchFamily="49" charset="0"/>
              <a:buChar char="o"/>
            </a:pPr>
            <a:r>
              <a:rPr lang="en-US" sz="1100" b="1">
                <a:effectLst/>
                <a:latin typeface="Calibri" panose="020F0502020204030204" pitchFamily="34" charset="0"/>
              </a:rPr>
              <a:t>Display uploaded image </a:t>
            </a:r>
            <a:endParaRPr lang="en-US" sz="1100">
              <a:effectLst/>
              <a:latin typeface="Calibri" panose="020F0502020204030204" pitchFamily="34" charset="0"/>
            </a:endParaRPr>
          </a:p>
          <a:p>
            <a:pPr rtl="0" fontAlgn="ctr">
              <a:spcBef>
                <a:spcPts val="0"/>
              </a:spcBef>
              <a:spcAft>
                <a:spcPts val="0"/>
              </a:spcAft>
              <a:buFont typeface="Arial" panose="020B0604020202020204" pitchFamily="34" charset="0"/>
              <a:buChar char="•"/>
            </a:pPr>
            <a:r>
              <a:rPr lang="en-US" sz="1100" b="1">
                <a:effectLst/>
                <a:latin typeface="Calibri" panose="020F0502020204030204" pitchFamily="34" charset="0"/>
              </a:rPr>
              <a:t>Show name of classified bird species </a:t>
            </a:r>
            <a:endParaRPr lang="en-US" sz="1100">
              <a:effectLst/>
              <a:latin typeface="Calibri" panose="020F0502020204030204" pitchFamily="34" charset="0"/>
            </a:endParaRPr>
          </a:p>
          <a:p>
            <a:pPr rtl="0" fontAlgn="ctr">
              <a:spcBef>
                <a:spcPts val="0"/>
              </a:spcBef>
              <a:spcAft>
                <a:spcPts val="0"/>
              </a:spcAft>
              <a:buFont typeface="Arial" panose="020B0604020202020204" pitchFamily="34" charset="0"/>
              <a:buChar char="•"/>
            </a:pPr>
            <a:r>
              <a:rPr lang="en-US" sz="1100" b="1">
                <a:effectLst/>
                <a:latin typeface="Calibri" panose="020F0502020204030204" pitchFamily="34" charset="0"/>
              </a:rPr>
              <a:t>(Radio button) possibility to Choose between : </a:t>
            </a:r>
            <a:endParaRPr lang="en-US" sz="1100">
              <a:effectLst/>
              <a:latin typeface="Calibri" panose="020F0502020204030204" pitchFamily="34" charset="0"/>
            </a:endParaRPr>
          </a:p>
          <a:p>
            <a:pPr marL="742950" lvl="1" indent="-285750" rtl="0" fontAlgn="ctr">
              <a:spcBef>
                <a:spcPts val="0"/>
              </a:spcBef>
              <a:spcAft>
                <a:spcPts val="0"/>
              </a:spcAft>
              <a:buFont typeface="Courier New" panose="02070309020205020404" pitchFamily="49" charset="0"/>
              <a:buChar char="o"/>
            </a:pPr>
            <a:r>
              <a:rPr lang="en-US" sz="1100" b="1">
                <a:effectLst/>
                <a:latin typeface="Calibri" panose="020F0502020204030204" pitchFamily="34" charset="0"/>
              </a:rPr>
              <a:t>Wikipedia summary </a:t>
            </a:r>
            <a:endParaRPr lang="en-US" sz="1100">
              <a:effectLst/>
              <a:latin typeface="Calibri" panose="020F0502020204030204" pitchFamily="34" charset="0"/>
            </a:endParaRPr>
          </a:p>
          <a:p>
            <a:pPr marL="742950" lvl="1" indent="-285750" rtl="0" fontAlgn="ctr">
              <a:spcBef>
                <a:spcPts val="0"/>
              </a:spcBef>
              <a:spcAft>
                <a:spcPts val="0"/>
              </a:spcAft>
              <a:buFont typeface="Courier New" panose="02070309020205020404" pitchFamily="49" charset="0"/>
              <a:buChar char="o"/>
            </a:pPr>
            <a:r>
              <a:rPr lang="en-US" sz="1100" b="1">
                <a:effectLst/>
                <a:latin typeface="Calibri" panose="020F0502020204030204" pitchFamily="34" charset="0"/>
              </a:rPr>
              <a:t>Entire page of identified bird species </a:t>
            </a:r>
            <a:endParaRPr lang="en-US" sz="1100">
              <a:effectLst/>
              <a:latin typeface="Calibri" panose="020F0502020204030204" pitchFamily="34" charset="0"/>
            </a:endParaRPr>
          </a:p>
          <a:p>
            <a:pPr rtl="0" fontAlgn="ctr">
              <a:spcBef>
                <a:spcPts val="0"/>
              </a:spcBef>
              <a:spcAft>
                <a:spcPts val="0"/>
              </a:spcAft>
              <a:buFont typeface="Arial" panose="020B0604020202020204" pitchFamily="34" charset="0"/>
              <a:buChar char="•"/>
            </a:pPr>
            <a:r>
              <a:rPr lang="en-US" sz="1100" b="1">
                <a:effectLst/>
                <a:latin typeface="Calibri" panose="020F0502020204030204" pitchFamily="34" charset="0"/>
              </a:rPr>
              <a:t>Simples </a:t>
            </a:r>
            <a:r>
              <a:rPr lang="en-US" sz="1100" b="1" err="1">
                <a:effectLst/>
                <a:latin typeface="Calibri" panose="020F0502020204030204" pitchFamily="34" charset="0"/>
              </a:rPr>
              <a:t>ui</a:t>
            </a:r>
            <a:r>
              <a:rPr lang="en-US" sz="1100" b="1">
                <a:effectLst/>
                <a:latin typeface="Calibri" panose="020F0502020204030204" pitchFamily="34" charset="0"/>
              </a:rPr>
              <a:t> -&gt; one page application </a:t>
            </a:r>
            <a:endParaRPr lang="en-US" sz="1100">
              <a:effectLst/>
              <a:latin typeface="Calibri" panose="020F0502020204030204" pitchFamily="34" charset="0"/>
            </a:endParaRPr>
          </a:p>
          <a:p>
            <a:pPr marL="522864" lvl="1" indent="-342900">
              <a:buFont typeface="Arial" panose="020B0604020202020204" pitchFamily="34" charset="0"/>
              <a:buChar char="•"/>
            </a:pPr>
            <a:endParaRPr lang="en-US"/>
          </a:p>
          <a:p>
            <a:pPr marL="0" marR="0">
              <a:spcBef>
                <a:spcPts val="0"/>
              </a:spcBef>
              <a:spcAft>
                <a:spcPts val="0"/>
              </a:spcAft>
            </a:pPr>
            <a:r>
              <a:rPr lang="en-US" sz="1100">
                <a:effectLst/>
                <a:latin typeface="Calibri" panose="020F0502020204030204" pitchFamily="34" charset="0"/>
              </a:rPr>
              <a:t> </a:t>
            </a:r>
          </a:p>
          <a:p>
            <a:pPr marL="0" marR="0">
              <a:spcBef>
                <a:spcPts val="0"/>
              </a:spcBef>
              <a:spcAft>
                <a:spcPts val="0"/>
              </a:spcAft>
            </a:pPr>
            <a:r>
              <a:rPr lang="en-US" sz="1100">
                <a:effectLst/>
                <a:latin typeface="Calibri" panose="020F0502020204030204" pitchFamily="34" charset="0"/>
              </a:rPr>
              <a:t> </a:t>
            </a:r>
          </a:p>
          <a:p>
            <a:pPr marL="0" marR="0">
              <a:spcBef>
                <a:spcPts val="0"/>
              </a:spcBef>
              <a:spcAft>
                <a:spcPts val="0"/>
              </a:spcAft>
            </a:pPr>
            <a:r>
              <a:rPr lang="en-US" sz="1100" b="1">
                <a:effectLst/>
                <a:latin typeface="Calibri" panose="020F0502020204030204" pitchFamily="34" charset="0"/>
              </a:rPr>
              <a:t>Backend: </a:t>
            </a:r>
            <a:endParaRPr lang="en-US" sz="1100">
              <a:effectLst/>
              <a:latin typeface="Calibri" panose="020F0502020204030204" pitchFamily="34" charset="0"/>
            </a:endParaRPr>
          </a:p>
          <a:p>
            <a:pPr rtl="0" fontAlgn="ctr">
              <a:spcBef>
                <a:spcPts val="0"/>
              </a:spcBef>
              <a:spcAft>
                <a:spcPts val="0"/>
              </a:spcAft>
              <a:buFont typeface="Arial" panose="020B0604020202020204" pitchFamily="34" charset="0"/>
              <a:buChar char="•"/>
            </a:pPr>
            <a:r>
              <a:rPr lang="en-US" sz="1100" err="1">
                <a:effectLst/>
                <a:latin typeface="Calibri" panose="020F0502020204030204" pitchFamily="34" charset="0"/>
              </a:rPr>
              <a:t>FastAPI</a:t>
            </a:r>
            <a:r>
              <a:rPr lang="en-US" sz="1100">
                <a:effectLst/>
                <a:latin typeface="Calibri" panose="020F0502020204030204" pitchFamily="34" charset="0"/>
              </a:rPr>
              <a:t> to built API endpoints</a:t>
            </a:r>
          </a:p>
          <a:p>
            <a:pPr rtl="0" fontAlgn="ctr">
              <a:spcBef>
                <a:spcPts val="0"/>
              </a:spcBef>
              <a:spcAft>
                <a:spcPts val="0"/>
              </a:spcAft>
              <a:buFont typeface="Arial" panose="020B0604020202020204" pitchFamily="34" charset="0"/>
              <a:buChar char="•"/>
            </a:pPr>
            <a:r>
              <a:rPr lang="en-US" sz="1100">
                <a:effectLst/>
                <a:latin typeface="Calibri" panose="020F0502020204030204" pitchFamily="34" charset="0"/>
              </a:rPr>
              <a:t>Integration of model for classifying bird images as per species</a:t>
            </a:r>
          </a:p>
          <a:p>
            <a:pPr rtl="0" fontAlgn="ctr">
              <a:spcBef>
                <a:spcPts val="0"/>
              </a:spcBef>
              <a:spcAft>
                <a:spcPts val="0"/>
              </a:spcAft>
              <a:buFont typeface="Arial" panose="020B0604020202020204" pitchFamily="34" charset="0"/>
              <a:buChar char="•"/>
            </a:pPr>
            <a:r>
              <a:rPr lang="en-US" sz="1100">
                <a:effectLst/>
                <a:latin typeface="Calibri" panose="020F0502020204030204" pitchFamily="34" charset="0"/>
              </a:rPr>
              <a:t>Submission of input image to backend or model for classification </a:t>
            </a:r>
          </a:p>
          <a:p>
            <a:pPr rtl="0" fontAlgn="ctr">
              <a:spcBef>
                <a:spcPts val="0"/>
              </a:spcBef>
              <a:spcAft>
                <a:spcPts val="0"/>
              </a:spcAft>
              <a:buFont typeface="Arial" panose="020B0604020202020204" pitchFamily="34" charset="0"/>
              <a:buChar char="•"/>
            </a:pPr>
            <a:r>
              <a:rPr lang="en-US" sz="1100" err="1">
                <a:effectLst/>
                <a:latin typeface="Calibri" panose="020F0502020204030204" pitchFamily="34" charset="0"/>
              </a:rPr>
              <a:t>Googleseach</a:t>
            </a:r>
            <a:r>
              <a:rPr lang="en-US" sz="1100">
                <a:effectLst/>
                <a:latin typeface="Calibri" panose="020F0502020204030204" pitchFamily="34" charset="0"/>
              </a:rPr>
              <a:t> :</a:t>
            </a:r>
          </a:p>
          <a:p>
            <a:pPr marL="742950" lvl="1" indent="-285750" rtl="0" fontAlgn="ctr">
              <a:spcBef>
                <a:spcPts val="0"/>
              </a:spcBef>
              <a:spcAft>
                <a:spcPts val="0"/>
              </a:spcAft>
              <a:buFont typeface="Courier New" panose="02070309020205020404" pitchFamily="49" charset="0"/>
              <a:buChar char="o"/>
            </a:pPr>
            <a:r>
              <a:rPr lang="en-US" sz="1100">
                <a:effectLst/>
                <a:latin typeface="Calibri" panose="020F0502020204030204" pitchFamily="34" charset="0"/>
              </a:rPr>
              <a:t>Search for </a:t>
            </a:r>
            <a:r>
              <a:rPr lang="en-US" sz="1100" err="1">
                <a:effectLst/>
                <a:latin typeface="Calibri" panose="020F0502020204030204" pitchFamily="34" charset="0"/>
              </a:rPr>
              <a:t>wikipedia</a:t>
            </a:r>
            <a:r>
              <a:rPr lang="en-US" sz="1100">
                <a:effectLst/>
                <a:latin typeface="Calibri" panose="020F0502020204030204" pitchFamily="34" charset="0"/>
              </a:rPr>
              <a:t> page of identified bird species </a:t>
            </a:r>
          </a:p>
          <a:p>
            <a:pPr rtl="0" fontAlgn="ctr">
              <a:spcBef>
                <a:spcPts val="0"/>
              </a:spcBef>
              <a:spcAft>
                <a:spcPts val="0"/>
              </a:spcAft>
              <a:buFont typeface="Arial" panose="020B0604020202020204" pitchFamily="34" charset="0"/>
              <a:buChar char="•"/>
            </a:pPr>
            <a:r>
              <a:rPr lang="en-US" sz="1100">
                <a:effectLst/>
                <a:latin typeface="Calibri" panose="020F0502020204030204" pitchFamily="34" charset="0"/>
              </a:rPr>
              <a:t>Wikipedia:</a:t>
            </a:r>
          </a:p>
          <a:p>
            <a:pPr marL="742950" lvl="1" indent="-285750" rtl="0" fontAlgn="ctr">
              <a:spcBef>
                <a:spcPts val="0"/>
              </a:spcBef>
              <a:spcAft>
                <a:spcPts val="0"/>
              </a:spcAft>
              <a:buFont typeface="Courier New" panose="02070309020205020404" pitchFamily="49" charset="0"/>
              <a:buChar char="o"/>
            </a:pPr>
            <a:r>
              <a:rPr lang="en-US" sz="1100">
                <a:effectLst/>
                <a:latin typeface="Calibri" panose="020F0502020204030204" pitchFamily="34" charset="0"/>
              </a:rPr>
              <a:t>Short Summary </a:t>
            </a:r>
          </a:p>
          <a:p>
            <a:pPr marL="742950" lvl="1" indent="-285750" rtl="0" fontAlgn="ctr">
              <a:spcBef>
                <a:spcPts val="0"/>
              </a:spcBef>
              <a:spcAft>
                <a:spcPts val="0"/>
              </a:spcAft>
              <a:buFont typeface="Courier New" panose="02070309020205020404" pitchFamily="49" charset="0"/>
              <a:buChar char="o"/>
            </a:pPr>
            <a:r>
              <a:rPr lang="en-US" sz="1100">
                <a:effectLst/>
                <a:latin typeface="Calibri" panose="020F0502020204030204" pitchFamily="34" charset="0"/>
              </a:rPr>
              <a:t>Entire Wikipedia page</a:t>
            </a:r>
          </a:p>
          <a:p>
            <a:pPr rtl="0" fontAlgn="ctr">
              <a:spcBef>
                <a:spcPts val="0"/>
              </a:spcBef>
              <a:spcAft>
                <a:spcPts val="0"/>
              </a:spcAft>
              <a:buFont typeface="Arial" panose="020B0604020202020204" pitchFamily="34" charset="0"/>
              <a:buChar char="•"/>
            </a:pPr>
            <a:r>
              <a:rPr lang="en-US" sz="1100">
                <a:effectLst/>
                <a:latin typeface="Calibri" panose="020F0502020204030204" pitchFamily="34" charset="0"/>
              </a:rPr>
              <a:t>Sending content (summary or page and name of species) back to frontend </a:t>
            </a:r>
          </a:p>
          <a:p>
            <a:pPr marL="522864" lvl="1" indent="-342900">
              <a:buFont typeface="Arial" panose="020B0604020202020204" pitchFamily="34" charset="0"/>
              <a:buChar char="•"/>
            </a:pPr>
            <a:r>
              <a:rPr lang="en-US"/>
              <a:t> </a:t>
            </a:r>
          </a:p>
          <a:p>
            <a:endParaRPr lang="de-DE"/>
          </a:p>
        </p:txBody>
      </p:sp>
      <p:sp>
        <p:nvSpPr>
          <p:cNvPr id="4" name="Slide Number Placeholder 3"/>
          <p:cNvSpPr>
            <a:spLocks noGrp="1"/>
          </p:cNvSpPr>
          <p:nvPr>
            <p:ph type="sldNum" sz="quarter" idx="5"/>
          </p:nvPr>
        </p:nvSpPr>
        <p:spPr/>
        <p:txBody>
          <a:bodyPr/>
          <a:lstStyle/>
          <a:p>
            <a:fld id="{7D8C2C35-2B8A-446E-BEC0-FD36716C29AC}" type="slidenum">
              <a:rPr lang="de-DE" smtClean="0"/>
              <a:pPr/>
              <a:t>8</a:t>
            </a:fld>
            <a:endParaRPr lang="de-DE"/>
          </a:p>
        </p:txBody>
      </p:sp>
    </p:spTree>
    <p:extLst>
      <p:ext uri="{BB962C8B-B14F-4D97-AF65-F5344CB8AC3E}">
        <p14:creationId xmlns:p14="http://schemas.microsoft.com/office/powerpoint/2010/main" val="76480167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de-DE" smtClean="0"/>
              <a:pPr/>
              <a:t>11</a:t>
            </a:fld>
            <a:endParaRPr lang="de-DE"/>
          </a:p>
        </p:txBody>
      </p:sp>
    </p:spTree>
    <p:extLst>
      <p:ext uri="{BB962C8B-B14F-4D97-AF65-F5344CB8AC3E}">
        <p14:creationId xmlns:p14="http://schemas.microsoft.com/office/powerpoint/2010/main" val="217739773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de-DE" smtClean="0"/>
              <a:pPr/>
              <a:t>16</a:t>
            </a:fld>
            <a:endParaRPr lang="de-DE"/>
          </a:p>
        </p:txBody>
      </p:sp>
    </p:spTree>
    <p:extLst>
      <p:ext uri="{BB962C8B-B14F-4D97-AF65-F5344CB8AC3E}">
        <p14:creationId xmlns:p14="http://schemas.microsoft.com/office/powerpoint/2010/main" val="172200444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586007649" name="SAP Logo Placeholder" descr="{&quot;templafy&quot;:{&quot;id&quot;:&quot;679f0865-5467-4f50-a50c-d4eaba6e9b9e&quot;}}"/>
          <p:cNvPicPr>
            <a:picLocks noChangeAspect="1"/>
          </p:cNvPicPr>
          <p:nvPr/>
        </p:nvPicPr>
        <p:blipFill>
          <a:blip r:embed="rId2"/>
          <a:stretch>
            <a:fillRect/>
          </a:stretch>
        </p:blipFill>
        <p:spPr>
          <a:xfrm>
            <a:off x="9692640" y="6053328"/>
            <a:ext cx="2212852" cy="536449"/>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sp>
        <p:nvSpPr>
          <p:cNvPr id="10" name="TextBox 9" descr="{&quot;templafy&quot;:{&quot;id&quot;:&quot;17be55d2-cfc5-4641-8da4-6a664b84c719&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Non-Business</a:t>
            </a:r>
          </a:p>
        </p:txBody>
      </p:sp>
      <p:pic>
        <p:nvPicPr>
          <p:cNvPr id="1046231570" name="Acquired Company Logo Placeholder" descr="{&quot;templafy&quot;:{&quot;id&quot;:&quot;3993125d-52af-4979-8885-524b6eded549&quot;}}" hidden="1"/>
          <p:cNvPicPr>
            <a:picLocks noChangeAspect="1"/>
          </p:cNvPicPr>
          <p:nvPr/>
        </p:nvPicPr>
        <p:blipFill>
          <a:blip r:embed="rId3"/>
          <a:stretch>
            <a:fillRect/>
          </a:stretch>
        </p:blipFill>
        <p:spPr>
          <a:xfrm>
            <a:off x="282575" y="3590141"/>
            <a:ext cx="4125924" cy="266010"/>
          </a:xfrm>
          <a:prstGeom prst="rect">
            <a:avLst/>
          </a:prstGeom>
        </p:spPr>
      </p:pic>
    </p:spTree>
    <p:extLst>
      <p:ext uri="{BB962C8B-B14F-4D97-AF65-F5344CB8AC3E}">
        <p14:creationId xmlns:p14="http://schemas.microsoft.com/office/powerpoint/2010/main" val="245271761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pic>
        <p:nvPicPr>
          <p:cNvPr id="1805670989" name="Acquired Company Logo Placeholder" descr="{&quot;templafy&quot;:{&quot;id&quot;:&quot;19e3bbea-e892-494b-bf6e-97b1f50f3a41&quot;}}" hidden="1"/>
          <p:cNvPicPr>
            <a:picLocks noChangeAspect="1"/>
          </p:cNvPicPr>
          <p:nvPr/>
        </p:nvPicPr>
        <p:blipFill>
          <a:blip r:embed="rId2"/>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9" name="Copyright Placeholder" descr="{&quot;templafy&quot;:{&quot;id&quot;:&quot;ca725343-214d-4eaf-b395-30f3ab281d3e&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3 SAP SE or an SAP affiliate company. All rights reserved. See Legal Notice on www.sap.com/legal-notice for use terms, disclaimers, disclosures, or restrictions related to this material.</a:t>
            </a:r>
          </a:p>
        </p:txBody>
      </p:sp>
      <p:pic>
        <p:nvPicPr>
          <p:cNvPr id="1819105447" name="SAP Logo Placeholder" descr="{&quot;templafy&quot;:{&quot;id&quot;:&quot;3ed2a441-495b-41a5-8c0d-b605700f3052&quot;}}"/>
          <p:cNvPicPr>
            <a:picLocks noChangeAspect="1"/>
          </p:cNvPicPr>
          <p:nvPr/>
        </p:nvPicPr>
        <p:blipFill>
          <a:blip r:embed="rId3"/>
          <a:stretch>
            <a:fillRect/>
          </a:stretch>
        </p:blipFill>
        <p:spPr>
          <a:xfrm>
            <a:off x="9509760" y="5797296"/>
            <a:ext cx="2212852" cy="536449"/>
          </a:xfrm>
          <a:prstGeom prst="rect">
            <a:avLst/>
          </a:prstGeom>
        </p:spPr>
      </p:pic>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466850"/>
            <a:ext cx="5413477" cy="846386"/>
          </a:xfrm>
        </p:spPr>
        <p:txBody>
          <a:bodyPr/>
          <a:lstStyle>
            <a:lvl1pPr>
              <a:defRPr sz="5500"/>
            </a:lvl1pPr>
          </a:lstStyle>
          <a:p>
            <a:r>
              <a:rPr lang="en-GB"/>
              <a:t>Thank you.</a:t>
            </a:r>
            <a:endParaRPr lang="en-US"/>
          </a:p>
        </p:txBody>
      </p:sp>
    </p:spTree>
    <p:extLst>
      <p:ext uri="{BB962C8B-B14F-4D97-AF65-F5344CB8AC3E}">
        <p14:creationId xmlns:p14="http://schemas.microsoft.com/office/powerpoint/2010/main" val="78109031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2043883978" name="SAP Logo Placeholder" descr="{&quot;templafy&quot;:{&quot;id&quot;:&quot;7b89ed81-8719-488a-b184-4929a883b59f&quot;}}"/>
          <p:cNvPicPr>
            <a:picLocks noChangeAspect="1"/>
          </p:cNvPicPr>
          <p:nvPr/>
        </p:nvPicPr>
        <p:blipFill>
          <a:blip r:embed="rId2"/>
          <a:stretch>
            <a:fillRect/>
          </a:stretch>
        </p:blipFill>
        <p:spPr>
          <a:xfrm>
            <a:off x="9692640" y="6053328"/>
            <a:ext cx="2212852" cy="536449"/>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353406842" name="Acquired Company Logo Placeholder" descr="{&quot;templafy&quot;:{&quot;id&quot;:&quot;baf074e0-9c34-401a-a499-73ebe1c72860&quot;}}" hidden="1"/>
          <p:cNvPicPr>
            <a:picLocks noChangeAspect="1"/>
          </p:cNvPicPr>
          <p:nvPr/>
        </p:nvPicPr>
        <p:blipFill>
          <a:blip r:embed="rId3"/>
          <a:stretch>
            <a:fillRect/>
          </a:stretch>
        </p:blipFill>
        <p:spPr>
          <a:xfrm>
            <a:off x="282575" y="2141327"/>
            <a:ext cx="4125924" cy="266010"/>
          </a:xfrm>
          <a:prstGeom prst="rect">
            <a:avLst/>
          </a:prstGeom>
        </p:spPr>
      </p:pic>
      <p:sp>
        <p:nvSpPr>
          <p:cNvPr id="11" name="TextBox 10" descr="{&quot;templafy&quot;:{&quot;id&quot;:&quot;d618746c-afd7-4a23-a9a6-78e96b42260d&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Non-Business</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6118" y="0"/>
            <a:ext cx="4069057" cy="6858000"/>
          </a:xfrm>
        </p:spPr>
        <p:txBody>
          <a:bodyPr anchor="ctr" anchorCtr="0"/>
          <a:lstStyle>
            <a:lvl1pPr algn="ctr">
              <a:defRPr/>
            </a:lvl1pPr>
          </a:lstStyle>
          <a:p>
            <a:r>
              <a:rPr lang="en-US"/>
              <a:t>Click icon to add picture</a:t>
            </a:r>
          </a:p>
          <a:p>
            <a:endParaRPr lang="en-US"/>
          </a:p>
          <a:p>
            <a:endParaRPr lang="en-US"/>
          </a:p>
        </p:txBody>
      </p:sp>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540123795"/>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userDrawn="1">
  <p:cSld name="1_Blank">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BB2D27CC-FED9-0331-2BB0-202F085A9464}"/>
              </a:ext>
            </a:extLst>
          </p:cNvPr>
          <p:cNvSpPr txBox="1"/>
          <p:nvPr userDrawn="1"/>
        </p:nvSpPr>
        <p:spPr>
          <a:xfrm>
            <a:off x="503239" y="2905127"/>
            <a:ext cx="1837041"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a:solidFill>
                  <a:schemeClr val="tx1"/>
                </a:solidFill>
                <a:latin typeface="Arial" panose="020B0604020202020204" pitchFamily="34" charset="0"/>
                <a:cs typeface="Arial" panose="020B0604020202020204" pitchFamily="34" charset="0"/>
              </a:rPr>
              <a:t>Contact information:</a:t>
            </a:r>
          </a:p>
        </p:txBody>
      </p:sp>
      <p:sp>
        <p:nvSpPr>
          <p:cNvPr id="10" name="Text Placeholder 9">
            <a:extLst>
              <a:ext uri="{FF2B5EF4-FFF2-40B4-BE49-F238E27FC236}">
                <a16:creationId xmlns:a16="http://schemas.microsoft.com/office/drawing/2014/main" id="{5D8BEA4F-DF46-6DC5-510C-BDC07E9D01F5}"/>
              </a:ext>
            </a:extLst>
          </p:cNvPr>
          <p:cNvSpPr>
            <a:spLocks noGrp="1"/>
          </p:cNvSpPr>
          <p:nvPr>
            <p:ph type="body" sz="quarter" idx="10" hasCustomPrompt="1"/>
          </p:nvPr>
        </p:nvSpPr>
        <p:spPr>
          <a:xfrm>
            <a:off x="503369" y="3447695"/>
            <a:ext cx="4227518" cy="499711"/>
          </a:xfrm>
          <a:prstGeom prst="rect">
            <a:avLst/>
          </a:prstGeom>
        </p:spPr>
        <p:txBody>
          <a:bodyPr lIns="0" tIns="0" rIns="0" bIns="0"/>
          <a:lstStyle>
            <a:lvl1pPr marL="0" indent="0">
              <a:lnSpc>
                <a:spcPct val="100000"/>
              </a:lnSpc>
              <a:spcBef>
                <a:spcPts val="0"/>
              </a:spcBef>
              <a:buFontTx/>
              <a:buNone/>
              <a:defRPr sz="1400">
                <a:solidFill>
                  <a:schemeClr val="tx1"/>
                </a:solidFill>
                <a:latin typeface="Arial" panose="020B0604020202020204" pitchFamily="34" charset="0"/>
                <a:cs typeface="Arial" panose="020B0604020202020204" pitchFamily="34" charset="0"/>
              </a:defRPr>
            </a:lvl1pPr>
          </a:lstStyle>
          <a:p>
            <a:pPr lvl="0"/>
            <a:r>
              <a:rPr lang="en-US"/>
              <a:t>Name</a:t>
            </a:r>
            <a:br>
              <a:rPr lang="en-US"/>
            </a:br>
            <a:r>
              <a:rPr lang="en-US"/>
              <a:t>Email</a:t>
            </a:r>
          </a:p>
        </p:txBody>
      </p:sp>
      <p:pic>
        <p:nvPicPr>
          <p:cNvPr id="2" name="SAP Logo">
            <a:extLst>
              <a:ext uri="{FF2B5EF4-FFF2-40B4-BE49-F238E27FC236}">
                <a16:creationId xmlns:a16="http://schemas.microsoft.com/office/drawing/2014/main" id="{4211FE4D-917A-CDAA-19DF-5E95FC81FBD6}"/>
              </a:ext>
            </a:extLst>
          </p:cNvPr>
          <p:cNvPicPr>
            <a:picLocks noChangeAspect="1"/>
          </p:cNvPicPr>
          <p:nvPr userDrawn="1"/>
        </p:nvPicPr>
        <p:blipFill>
          <a:blip r:embed="rId2"/>
          <a:srcRect/>
          <a:stretch/>
        </p:blipFill>
        <p:spPr>
          <a:xfrm>
            <a:off x="9492910" y="5797296"/>
            <a:ext cx="2242134" cy="541064"/>
          </a:xfrm>
          <a:prstGeom prst="rect">
            <a:avLst/>
          </a:prstGeom>
        </p:spPr>
      </p:pic>
      <p:sp>
        <p:nvSpPr>
          <p:cNvPr id="3" name="Title 2">
            <a:extLst>
              <a:ext uri="{FF2B5EF4-FFF2-40B4-BE49-F238E27FC236}">
                <a16:creationId xmlns:a16="http://schemas.microsoft.com/office/drawing/2014/main" id="{AE09AB48-3B44-9364-8E90-FF56AFC1E9C0}"/>
              </a:ext>
            </a:extLst>
          </p:cNvPr>
          <p:cNvSpPr>
            <a:spLocks noGrp="1"/>
          </p:cNvSpPr>
          <p:nvPr>
            <p:ph type="title" hasCustomPrompt="1"/>
          </p:nvPr>
        </p:nvSpPr>
        <p:spPr>
          <a:xfrm>
            <a:off x="504002" y="1461263"/>
            <a:ext cx="5312526" cy="846386"/>
          </a:xfrm>
        </p:spPr>
        <p:txBody>
          <a:bodyPr/>
          <a:lstStyle>
            <a:lvl1pPr>
              <a:defRPr sz="5500"/>
            </a:lvl1pPr>
          </a:lstStyle>
          <a:p>
            <a:r>
              <a:rPr lang="en-GB"/>
              <a:t>Thank you.</a:t>
            </a:r>
            <a:endParaRPr lang="en-US"/>
          </a:p>
        </p:txBody>
      </p:sp>
    </p:spTree>
    <p:extLst>
      <p:ext uri="{BB962C8B-B14F-4D97-AF65-F5344CB8AC3E}">
        <p14:creationId xmlns:p14="http://schemas.microsoft.com/office/powerpoint/2010/main" val="759817935"/>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418834413" name="SAP Logo Placeholder" descr="{&quot;templafy&quot;:{&quot;id&quot;:&quot;417181bc-d6c3-4ecf-b8d7-28aef55568b8&quot;}}"/>
          <p:cNvPicPr>
            <a:picLocks noChangeAspect="1"/>
          </p:cNvPicPr>
          <p:nvPr/>
        </p:nvPicPr>
        <p:blipFill>
          <a:blip r:embed="rId2"/>
          <a:stretch>
            <a:fillRect/>
          </a:stretch>
        </p:blipFill>
        <p:spPr>
          <a:xfrm>
            <a:off x="9692640" y="6053328"/>
            <a:ext cx="2212852" cy="536449"/>
          </a:xfrm>
          <a:prstGeom prst="rect">
            <a:avLst/>
          </a:prstGeom>
        </p:spPr>
      </p:pic>
      <p:sp>
        <p:nvSpPr>
          <p:cNvPr id="9" name="Partner Logo Placeholder">
            <a:extLst>
              <a:ext uri="{FF2B5EF4-FFF2-40B4-BE49-F238E27FC236}">
                <a16:creationId xmlns:a16="http://schemas.microsoft.com/office/drawing/2014/main" id="{19E8849E-429B-6042-8141-D50CA3A38A84}"/>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1032632316" name="Acquired Company Logo Placeholder" descr="{&quot;templafy&quot;:{&quot;id&quot;:&quot;a74549f1-f0a5-43c7-88a1-87460eb01506&quot;}}" hidden="1"/>
          <p:cNvPicPr>
            <a:picLocks noChangeAspect="1"/>
          </p:cNvPicPr>
          <p:nvPr/>
        </p:nvPicPr>
        <p:blipFill>
          <a:blip r:embed="rId3"/>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a:t>Click to insert title image or illustration</a:t>
            </a:r>
          </a:p>
        </p:txBody>
      </p:sp>
      <p:sp>
        <p:nvSpPr>
          <p:cNvPr id="12" name="TextBox 11" descr="{&quot;templafy&quot;:{&quot;id&quot;:&quot;20347b45-f5b1-47db-8bb6-857ec3fc090c&quot;}}">
            <a:extLst>
              <a:ext uri="{FF2B5EF4-FFF2-40B4-BE49-F238E27FC236}">
                <a16:creationId xmlns:a16="http://schemas.microsoft.com/office/drawing/2014/main" id="{EEC6D590-31F2-438D-89DB-EC6D9F68073A}"/>
              </a:ext>
            </a:extLst>
          </p:cNvPr>
          <p:cNvSpPr txBox="1"/>
          <p:nvPr userDrawn="1"/>
        </p:nvSpPr>
        <p:spPr>
          <a:xfrm>
            <a:off x="282575" y="5725533"/>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Non-Business</a:t>
            </a:r>
          </a:p>
        </p:txBody>
      </p:sp>
    </p:spTree>
    <p:extLst>
      <p:ext uri="{BB962C8B-B14F-4D97-AF65-F5344CB8AC3E}">
        <p14:creationId xmlns:p14="http://schemas.microsoft.com/office/powerpoint/2010/main" val="2064516640"/>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1078879119" name="SAP Logo Placeholder" descr="{&quot;templafy&quot;:{&quot;id&quot;:&quot;ec3f1266-b1d2-476c-9685-42684afb097e&quot;}}"/>
          <p:cNvPicPr>
            <a:picLocks noChangeAspect="1"/>
          </p:cNvPicPr>
          <p:nvPr/>
        </p:nvPicPr>
        <p:blipFill>
          <a:blip r:embed="rId2"/>
          <a:stretch>
            <a:fillRect/>
          </a:stretch>
        </p:blipFill>
        <p:spPr>
          <a:xfrm>
            <a:off x="9692640" y="6053328"/>
            <a:ext cx="2212852" cy="536449"/>
          </a:xfrm>
          <a:prstGeom prst="rect">
            <a:avLst/>
          </a:prstGeom>
        </p:spPr>
      </p:pic>
      <p:sp>
        <p:nvSpPr>
          <p:cNvPr id="13" name="Partner Logo Placeholder">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2" name="Classification" descr="{&quot;templafy&quot;:{&quot;id&quot;:&quot;48e4d34d-bc6f-42c5-af7f-3e645dad114d&quot;}}">
            <a:extLst>
              <a:ext uri="{FF2B5EF4-FFF2-40B4-BE49-F238E27FC236}">
                <a16:creationId xmlns:a16="http://schemas.microsoft.com/office/drawing/2014/main" id="{9AED1B7B-FC45-4242-8DBB-E0D16A9A9CDB}"/>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Non-Business</a:t>
            </a: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742842022" name="Acquired Company Logo Placeholder" descr="{&quot;templafy&quot;:{&quot;id&quot;:&quot;6bcae0be-4120-4b93-9bf3-e200ce09af06&quot;}}" hidden="1"/>
          <p:cNvPicPr>
            <a:picLocks noChangeAspect="1"/>
          </p:cNvPicPr>
          <p:nvPr/>
        </p:nvPicPr>
        <p:blipFill>
          <a:blip r:embed="rId3"/>
          <a:stretch>
            <a:fillRect/>
          </a:stretch>
        </p:blipFill>
        <p:spPr>
          <a:xfrm>
            <a:off x="282575" y="2045822"/>
            <a:ext cx="4125924" cy="266010"/>
          </a:xfrm>
          <a:prstGeom prst="rect">
            <a:avLst/>
          </a:prstGeom>
        </p:spPr>
      </p:pic>
      <p:sp>
        <p:nvSpPr>
          <p:cNvPr id="8" name="TextBox 7" descr="{&quot;templafy&quot;:{&quot;id&quot;:&quot;56ac602f-ddbb-4137-916a-bf2d8737eaa6&quot;}}">
            <a:extLst>
              <a:ext uri="{FF2B5EF4-FFF2-40B4-BE49-F238E27FC236}">
                <a16:creationId xmlns:a16="http://schemas.microsoft.com/office/drawing/2014/main" id="{64C1028F-1E91-4F0C-94BA-BF68E9AED35D}"/>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Non-Business</a:t>
            </a:r>
          </a:p>
        </p:txBody>
      </p:sp>
    </p:spTree>
    <p:extLst>
      <p:ext uri="{BB962C8B-B14F-4D97-AF65-F5344CB8AC3E}">
        <p14:creationId xmlns:p14="http://schemas.microsoft.com/office/powerpoint/2010/main" val="403639615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4236932109"/>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962332057"/>
      </p:ext>
    </p:extLst>
  </p:cSld>
  <p:clrMapOvr>
    <a:masterClrMapping/>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03366576"/>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6239129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56921328"/>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5109689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0743750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53073526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15805655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800151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811845081"/>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1768245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13521844"/>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46097067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300582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7842898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41095278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pic>
        <p:nvPicPr>
          <p:cNvPr id="600453102" name="Acquired Company Placeholder" descr="{&quot;templafy&quot;:{&quot;id&quot;:&quot;88bbf18c-38e9-46ad-b83f-dcf85f334173&quot;}}" hidden="1"/>
          <p:cNvPicPr>
            <a:picLocks noChangeAspect="1"/>
          </p:cNvPicPr>
          <p:nvPr/>
        </p:nvPicPr>
        <p:blipFill>
          <a:blip r:embed="rId2"/>
          <a:stretch>
            <a:fillRect/>
          </a:stretch>
        </p:blipFill>
        <p:spPr>
          <a:xfrm>
            <a:off x="504000" y="509180"/>
            <a:ext cx="4125924" cy="266010"/>
          </a:xfrm>
          <a:prstGeom prst="rect">
            <a:avLst/>
          </a:prstGeom>
        </p:spPr>
      </p:pic>
      <p:sp>
        <p:nvSpPr>
          <p:cNvPr id="12" name="TextBox 11">
            <a:extLst>
              <a:ext uri="{FF2B5EF4-FFF2-40B4-BE49-F238E27FC236}">
                <a16:creationId xmlns:a16="http://schemas.microsoft.com/office/drawing/2014/main" id="{F031ECE2-ED38-FE42-BEBA-1433C352D307}"/>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13" name="TextBox 12">
            <a:extLst>
              <a:ext uri="{FF2B5EF4-FFF2-40B4-BE49-F238E27FC236}">
                <a16:creationId xmlns:a16="http://schemas.microsoft.com/office/drawing/2014/main" id="{2E5C152E-1B2C-2848-9A5B-C013FDF4DF2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solidFill>
                  <a:schemeClr val="accent1"/>
                </a:solidFill>
                <a:ea typeface="Arial Unicode MS" pitchFamily="34" charset="-128"/>
                <a:cs typeface="Arial Unicode MS" pitchFamily="34" charset="-128"/>
              </a:rPr>
              <a:t>Thank you.</a:t>
            </a:r>
          </a:p>
        </p:txBody>
      </p:sp>
      <p:pic>
        <p:nvPicPr>
          <p:cNvPr id="314275586" name="SAP Logo Placeholder" descr="{&quot;templafy&quot;:{&quot;id&quot;:&quot;e30193eb-3aca-4b98-98b1-51e3b50ea89f&quot;}}"/>
          <p:cNvPicPr>
            <a:picLocks noChangeAspect="1"/>
          </p:cNvPicPr>
          <p:nvPr/>
        </p:nvPicPr>
        <p:blipFill>
          <a:blip r:embed="rId3"/>
          <a:stretch>
            <a:fillRect/>
          </a:stretch>
        </p:blipFill>
        <p:spPr>
          <a:xfrm>
            <a:off x="9533249" y="5784880"/>
            <a:ext cx="2212852" cy="536449"/>
          </a:xfrm>
          <a:prstGeom prst="rect">
            <a:avLst/>
          </a:prstGeom>
        </p:spPr>
      </p:pic>
      <p:sp>
        <p:nvSpPr>
          <p:cNvPr id="2" name="Copyright Placeholder" descr="{&quot;templafy&quot;:{&quot;id&quot;:&quot;fb8a80b0-7ad4-46d1-8581-f23582bebb84&quot;}}">
            <a:extLst>
              <a:ext uri="{FF2B5EF4-FFF2-40B4-BE49-F238E27FC236}">
                <a16:creationId xmlns:a16="http://schemas.microsoft.com/office/drawing/2014/main" id="{ED61A4BB-C112-5C41-A142-84C914EEA65B}"/>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3 SAP SE or an SAP affiliate company. All rights reserved. See Legal Notice on www.sap.com/legal-notice for use terms, disclaimers, disclosures, or restrictions related to this material.</a:t>
            </a:r>
          </a:p>
        </p:txBody>
      </p:sp>
    </p:spTree>
    <p:extLst>
      <p:ext uri="{BB962C8B-B14F-4D97-AF65-F5344CB8AC3E}">
        <p14:creationId xmlns:p14="http://schemas.microsoft.com/office/powerpoint/2010/main" val="4182875418"/>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37917748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06156684"/>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50549330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0089852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6.xml"/><Relationship Id="rId21" Type="http://schemas.openxmlformats.org/officeDocument/2006/relationships/slideLayout" Target="../slideLayouts/slideLayout21.xml"/><Relationship Id="rId42" Type="http://schemas.openxmlformats.org/officeDocument/2006/relationships/tags" Target="../tags/tag21.xml"/><Relationship Id="rId63" Type="http://schemas.openxmlformats.org/officeDocument/2006/relationships/tags" Target="../tags/tag42.xml"/><Relationship Id="rId84" Type="http://schemas.openxmlformats.org/officeDocument/2006/relationships/tags" Target="../tags/tag63.xml"/><Relationship Id="rId138" Type="http://schemas.openxmlformats.org/officeDocument/2006/relationships/tags" Target="../tags/tag117.xml"/><Relationship Id="rId107" Type="http://schemas.openxmlformats.org/officeDocument/2006/relationships/tags" Target="../tags/tag86.xml"/><Relationship Id="rId11" Type="http://schemas.openxmlformats.org/officeDocument/2006/relationships/slideLayout" Target="../slideLayouts/slideLayout11.xml"/><Relationship Id="rId32" Type="http://schemas.openxmlformats.org/officeDocument/2006/relationships/tags" Target="../tags/tag11.xml"/><Relationship Id="rId53" Type="http://schemas.openxmlformats.org/officeDocument/2006/relationships/tags" Target="../tags/tag32.xml"/><Relationship Id="rId74" Type="http://schemas.openxmlformats.org/officeDocument/2006/relationships/tags" Target="../tags/tag53.xml"/><Relationship Id="rId128" Type="http://schemas.openxmlformats.org/officeDocument/2006/relationships/tags" Target="../tags/tag107.xml"/><Relationship Id="rId5" Type="http://schemas.openxmlformats.org/officeDocument/2006/relationships/slideLayout" Target="../slideLayouts/slideLayout5.xml"/><Relationship Id="rId90" Type="http://schemas.openxmlformats.org/officeDocument/2006/relationships/tags" Target="../tags/tag69.xml"/><Relationship Id="rId95" Type="http://schemas.openxmlformats.org/officeDocument/2006/relationships/tags" Target="../tags/tag74.xml"/><Relationship Id="rId22" Type="http://schemas.openxmlformats.org/officeDocument/2006/relationships/theme" Target="../theme/theme1.xml"/><Relationship Id="rId27" Type="http://schemas.openxmlformats.org/officeDocument/2006/relationships/tags" Target="../tags/tag6.xml"/><Relationship Id="rId43" Type="http://schemas.openxmlformats.org/officeDocument/2006/relationships/tags" Target="../tags/tag22.xml"/><Relationship Id="rId48" Type="http://schemas.openxmlformats.org/officeDocument/2006/relationships/tags" Target="../tags/tag27.xml"/><Relationship Id="rId64" Type="http://schemas.openxmlformats.org/officeDocument/2006/relationships/tags" Target="../tags/tag43.xml"/><Relationship Id="rId69" Type="http://schemas.openxmlformats.org/officeDocument/2006/relationships/tags" Target="../tags/tag48.xml"/><Relationship Id="rId113" Type="http://schemas.openxmlformats.org/officeDocument/2006/relationships/tags" Target="../tags/tag92.xml"/><Relationship Id="rId118" Type="http://schemas.openxmlformats.org/officeDocument/2006/relationships/tags" Target="../tags/tag97.xml"/><Relationship Id="rId134" Type="http://schemas.openxmlformats.org/officeDocument/2006/relationships/tags" Target="../tags/tag113.xml"/><Relationship Id="rId139" Type="http://schemas.openxmlformats.org/officeDocument/2006/relationships/tags" Target="../tags/tag118.xml"/><Relationship Id="rId80" Type="http://schemas.openxmlformats.org/officeDocument/2006/relationships/tags" Target="../tags/tag59.xml"/><Relationship Id="rId85" Type="http://schemas.openxmlformats.org/officeDocument/2006/relationships/tags" Target="../tags/tag64.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12.xml"/><Relationship Id="rId38" Type="http://schemas.openxmlformats.org/officeDocument/2006/relationships/tags" Target="../tags/tag17.xml"/><Relationship Id="rId59" Type="http://schemas.openxmlformats.org/officeDocument/2006/relationships/tags" Target="../tags/tag38.xml"/><Relationship Id="rId103" Type="http://schemas.openxmlformats.org/officeDocument/2006/relationships/tags" Target="../tags/tag82.xml"/><Relationship Id="rId108" Type="http://schemas.openxmlformats.org/officeDocument/2006/relationships/tags" Target="../tags/tag87.xml"/><Relationship Id="rId124" Type="http://schemas.openxmlformats.org/officeDocument/2006/relationships/tags" Target="../tags/tag103.xml"/><Relationship Id="rId129" Type="http://schemas.openxmlformats.org/officeDocument/2006/relationships/tags" Target="../tags/tag108.xml"/><Relationship Id="rId54" Type="http://schemas.openxmlformats.org/officeDocument/2006/relationships/tags" Target="../tags/tag33.xml"/><Relationship Id="rId70" Type="http://schemas.openxmlformats.org/officeDocument/2006/relationships/tags" Target="../tags/tag49.xml"/><Relationship Id="rId75" Type="http://schemas.openxmlformats.org/officeDocument/2006/relationships/tags" Target="../tags/tag54.xml"/><Relationship Id="rId91" Type="http://schemas.openxmlformats.org/officeDocument/2006/relationships/tags" Target="../tags/tag70.xml"/><Relationship Id="rId96" Type="http://schemas.openxmlformats.org/officeDocument/2006/relationships/tags" Target="../tags/tag75.xml"/><Relationship Id="rId140" Type="http://schemas.openxmlformats.org/officeDocument/2006/relationships/tags" Target="../tags/tag119.xml"/><Relationship Id="rId145" Type="http://schemas.openxmlformats.org/officeDocument/2006/relationships/tags" Target="../tags/tag124.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2.xml"/><Relationship Id="rId28" Type="http://schemas.openxmlformats.org/officeDocument/2006/relationships/tags" Target="../tags/tag7.xml"/><Relationship Id="rId49" Type="http://schemas.openxmlformats.org/officeDocument/2006/relationships/tags" Target="../tags/tag28.xml"/><Relationship Id="rId114" Type="http://schemas.openxmlformats.org/officeDocument/2006/relationships/tags" Target="../tags/tag93.xml"/><Relationship Id="rId119" Type="http://schemas.openxmlformats.org/officeDocument/2006/relationships/tags" Target="../tags/tag98.xml"/><Relationship Id="rId44" Type="http://schemas.openxmlformats.org/officeDocument/2006/relationships/tags" Target="../tags/tag23.xml"/><Relationship Id="rId60" Type="http://schemas.openxmlformats.org/officeDocument/2006/relationships/tags" Target="../tags/tag39.xml"/><Relationship Id="rId65" Type="http://schemas.openxmlformats.org/officeDocument/2006/relationships/tags" Target="../tags/tag44.xml"/><Relationship Id="rId81" Type="http://schemas.openxmlformats.org/officeDocument/2006/relationships/tags" Target="../tags/tag60.xml"/><Relationship Id="rId86" Type="http://schemas.openxmlformats.org/officeDocument/2006/relationships/tags" Target="../tags/tag65.xml"/><Relationship Id="rId130" Type="http://schemas.openxmlformats.org/officeDocument/2006/relationships/tags" Target="../tags/tag109.xml"/><Relationship Id="rId135" Type="http://schemas.openxmlformats.org/officeDocument/2006/relationships/tags" Target="../tags/tag114.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8.xml"/><Relationship Id="rId109" Type="http://schemas.openxmlformats.org/officeDocument/2006/relationships/tags" Target="../tags/tag88.xml"/><Relationship Id="rId34" Type="http://schemas.openxmlformats.org/officeDocument/2006/relationships/tags" Target="../tags/tag13.xml"/><Relationship Id="rId50" Type="http://schemas.openxmlformats.org/officeDocument/2006/relationships/tags" Target="../tags/tag29.xml"/><Relationship Id="rId55" Type="http://schemas.openxmlformats.org/officeDocument/2006/relationships/tags" Target="../tags/tag34.xml"/><Relationship Id="rId76" Type="http://schemas.openxmlformats.org/officeDocument/2006/relationships/tags" Target="../tags/tag55.xml"/><Relationship Id="rId97" Type="http://schemas.openxmlformats.org/officeDocument/2006/relationships/tags" Target="../tags/tag76.xml"/><Relationship Id="rId104" Type="http://schemas.openxmlformats.org/officeDocument/2006/relationships/tags" Target="../tags/tag83.xml"/><Relationship Id="rId120" Type="http://schemas.openxmlformats.org/officeDocument/2006/relationships/tags" Target="../tags/tag99.xml"/><Relationship Id="rId125" Type="http://schemas.openxmlformats.org/officeDocument/2006/relationships/tags" Target="../tags/tag104.xml"/><Relationship Id="rId141" Type="http://schemas.openxmlformats.org/officeDocument/2006/relationships/tags" Target="../tags/tag120.xml"/><Relationship Id="rId7" Type="http://schemas.openxmlformats.org/officeDocument/2006/relationships/slideLayout" Target="../slideLayouts/slideLayout7.xml"/><Relationship Id="rId71" Type="http://schemas.openxmlformats.org/officeDocument/2006/relationships/tags" Target="../tags/tag50.xml"/><Relationship Id="rId92" Type="http://schemas.openxmlformats.org/officeDocument/2006/relationships/tags" Target="../tags/tag71.xml"/><Relationship Id="rId2" Type="http://schemas.openxmlformats.org/officeDocument/2006/relationships/slideLayout" Target="../slideLayouts/slideLayout2.xml"/><Relationship Id="rId29" Type="http://schemas.openxmlformats.org/officeDocument/2006/relationships/tags" Target="../tags/tag8.xml"/><Relationship Id="rId24" Type="http://schemas.openxmlformats.org/officeDocument/2006/relationships/tags" Target="../tags/tag3.xml"/><Relationship Id="rId40" Type="http://schemas.openxmlformats.org/officeDocument/2006/relationships/tags" Target="../tags/tag19.xml"/><Relationship Id="rId45" Type="http://schemas.openxmlformats.org/officeDocument/2006/relationships/tags" Target="../tags/tag24.xml"/><Relationship Id="rId66" Type="http://schemas.openxmlformats.org/officeDocument/2006/relationships/tags" Target="../tags/tag45.xml"/><Relationship Id="rId87" Type="http://schemas.openxmlformats.org/officeDocument/2006/relationships/tags" Target="../tags/tag66.xml"/><Relationship Id="rId110" Type="http://schemas.openxmlformats.org/officeDocument/2006/relationships/tags" Target="../tags/tag89.xml"/><Relationship Id="rId115" Type="http://schemas.openxmlformats.org/officeDocument/2006/relationships/tags" Target="../tags/tag94.xml"/><Relationship Id="rId131" Type="http://schemas.openxmlformats.org/officeDocument/2006/relationships/tags" Target="../tags/tag110.xml"/><Relationship Id="rId136" Type="http://schemas.openxmlformats.org/officeDocument/2006/relationships/tags" Target="../tags/tag115.xml"/><Relationship Id="rId61" Type="http://schemas.openxmlformats.org/officeDocument/2006/relationships/tags" Target="../tags/tag40.xml"/><Relationship Id="rId82" Type="http://schemas.openxmlformats.org/officeDocument/2006/relationships/tags" Target="../tags/tag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9.xml"/><Relationship Id="rId35" Type="http://schemas.openxmlformats.org/officeDocument/2006/relationships/tags" Target="../tags/tag14.xml"/><Relationship Id="rId56" Type="http://schemas.openxmlformats.org/officeDocument/2006/relationships/tags" Target="../tags/tag35.xml"/><Relationship Id="rId77" Type="http://schemas.openxmlformats.org/officeDocument/2006/relationships/tags" Target="../tags/tag56.xml"/><Relationship Id="rId100" Type="http://schemas.openxmlformats.org/officeDocument/2006/relationships/tags" Target="../tags/tag79.xml"/><Relationship Id="rId105" Type="http://schemas.openxmlformats.org/officeDocument/2006/relationships/tags" Target="../tags/tag84.xml"/><Relationship Id="rId126" Type="http://schemas.openxmlformats.org/officeDocument/2006/relationships/tags" Target="../tags/tag105.xml"/><Relationship Id="rId8" Type="http://schemas.openxmlformats.org/officeDocument/2006/relationships/slideLayout" Target="../slideLayouts/slideLayout8.xml"/><Relationship Id="rId51" Type="http://schemas.openxmlformats.org/officeDocument/2006/relationships/tags" Target="../tags/tag30.xml"/><Relationship Id="rId72" Type="http://schemas.openxmlformats.org/officeDocument/2006/relationships/tags" Target="../tags/tag51.xml"/><Relationship Id="rId93" Type="http://schemas.openxmlformats.org/officeDocument/2006/relationships/tags" Target="../tags/tag72.xml"/><Relationship Id="rId98" Type="http://schemas.openxmlformats.org/officeDocument/2006/relationships/tags" Target="../tags/tag77.xml"/><Relationship Id="rId121" Type="http://schemas.openxmlformats.org/officeDocument/2006/relationships/tags" Target="../tags/tag100.xml"/><Relationship Id="rId142" Type="http://schemas.openxmlformats.org/officeDocument/2006/relationships/tags" Target="../tags/tag121.xml"/><Relationship Id="rId3" Type="http://schemas.openxmlformats.org/officeDocument/2006/relationships/slideLayout" Target="../slideLayouts/slideLayout3.xml"/><Relationship Id="rId25" Type="http://schemas.openxmlformats.org/officeDocument/2006/relationships/tags" Target="../tags/tag4.xml"/><Relationship Id="rId46" Type="http://schemas.openxmlformats.org/officeDocument/2006/relationships/tags" Target="../tags/tag25.xml"/><Relationship Id="rId67" Type="http://schemas.openxmlformats.org/officeDocument/2006/relationships/tags" Target="../tags/tag46.xml"/><Relationship Id="rId116" Type="http://schemas.openxmlformats.org/officeDocument/2006/relationships/tags" Target="../tags/tag95.xml"/><Relationship Id="rId137" Type="http://schemas.openxmlformats.org/officeDocument/2006/relationships/tags" Target="../tags/tag116.xml"/><Relationship Id="rId20" Type="http://schemas.openxmlformats.org/officeDocument/2006/relationships/slideLayout" Target="../slideLayouts/slideLayout20.xml"/><Relationship Id="rId41" Type="http://schemas.openxmlformats.org/officeDocument/2006/relationships/tags" Target="../tags/tag20.xml"/><Relationship Id="rId62" Type="http://schemas.openxmlformats.org/officeDocument/2006/relationships/tags" Target="../tags/tag41.xml"/><Relationship Id="rId83" Type="http://schemas.openxmlformats.org/officeDocument/2006/relationships/tags" Target="../tags/tag62.xml"/><Relationship Id="rId88" Type="http://schemas.openxmlformats.org/officeDocument/2006/relationships/tags" Target="../tags/tag67.xml"/><Relationship Id="rId111" Type="http://schemas.openxmlformats.org/officeDocument/2006/relationships/tags" Target="../tags/tag90.xml"/><Relationship Id="rId132" Type="http://schemas.openxmlformats.org/officeDocument/2006/relationships/tags" Target="../tags/tag111.xml"/><Relationship Id="rId15" Type="http://schemas.openxmlformats.org/officeDocument/2006/relationships/slideLayout" Target="../slideLayouts/slideLayout15.xml"/><Relationship Id="rId36" Type="http://schemas.openxmlformats.org/officeDocument/2006/relationships/tags" Target="../tags/tag15.xml"/><Relationship Id="rId57" Type="http://schemas.openxmlformats.org/officeDocument/2006/relationships/tags" Target="../tags/tag36.xml"/><Relationship Id="rId106" Type="http://schemas.openxmlformats.org/officeDocument/2006/relationships/tags" Target="../tags/tag85.xml"/><Relationship Id="rId127" Type="http://schemas.openxmlformats.org/officeDocument/2006/relationships/tags" Target="../tags/tag106.xml"/><Relationship Id="rId10" Type="http://schemas.openxmlformats.org/officeDocument/2006/relationships/slideLayout" Target="../slideLayouts/slideLayout10.xml"/><Relationship Id="rId31" Type="http://schemas.openxmlformats.org/officeDocument/2006/relationships/tags" Target="../tags/tag10.xml"/><Relationship Id="rId52" Type="http://schemas.openxmlformats.org/officeDocument/2006/relationships/tags" Target="../tags/tag31.xml"/><Relationship Id="rId73" Type="http://schemas.openxmlformats.org/officeDocument/2006/relationships/tags" Target="../tags/tag52.xml"/><Relationship Id="rId78" Type="http://schemas.openxmlformats.org/officeDocument/2006/relationships/tags" Target="../tags/tag57.xml"/><Relationship Id="rId94" Type="http://schemas.openxmlformats.org/officeDocument/2006/relationships/tags" Target="../tags/tag73.xml"/><Relationship Id="rId99" Type="http://schemas.openxmlformats.org/officeDocument/2006/relationships/tags" Target="../tags/tag78.xml"/><Relationship Id="rId101" Type="http://schemas.openxmlformats.org/officeDocument/2006/relationships/tags" Target="../tags/tag80.xml"/><Relationship Id="rId122" Type="http://schemas.openxmlformats.org/officeDocument/2006/relationships/tags" Target="../tags/tag101.xml"/><Relationship Id="rId143"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5.xml"/><Relationship Id="rId47" Type="http://schemas.openxmlformats.org/officeDocument/2006/relationships/tags" Target="../tags/tag26.xml"/><Relationship Id="rId68" Type="http://schemas.openxmlformats.org/officeDocument/2006/relationships/tags" Target="../tags/tag47.xml"/><Relationship Id="rId89" Type="http://schemas.openxmlformats.org/officeDocument/2006/relationships/tags" Target="../tags/tag68.xml"/><Relationship Id="rId112" Type="http://schemas.openxmlformats.org/officeDocument/2006/relationships/tags" Target="../tags/tag91.xml"/><Relationship Id="rId133" Type="http://schemas.openxmlformats.org/officeDocument/2006/relationships/tags" Target="../tags/tag112.xml"/><Relationship Id="rId16" Type="http://schemas.openxmlformats.org/officeDocument/2006/relationships/slideLayout" Target="../slideLayouts/slideLayout16.xml"/><Relationship Id="rId37" Type="http://schemas.openxmlformats.org/officeDocument/2006/relationships/tags" Target="../tags/tag16.xml"/><Relationship Id="rId58" Type="http://schemas.openxmlformats.org/officeDocument/2006/relationships/tags" Target="../tags/tag37.xml"/><Relationship Id="rId79" Type="http://schemas.openxmlformats.org/officeDocument/2006/relationships/tags" Target="../tags/tag58.xml"/><Relationship Id="rId102" Type="http://schemas.openxmlformats.org/officeDocument/2006/relationships/tags" Target="../tags/tag81.xml"/><Relationship Id="rId123" Type="http://schemas.openxmlformats.org/officeDocument/2006/relationships/tags" Target="../tags/tag102.xml"/><Relationship Id="rId144" Type="http://schemas.openxmlformats.org/officeDocument/2006/relationships/tags" Target="../tags/tag123.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21.xml"/><Relationship Id="rId21" Type="http://schemas.openxmlformats.org/officeDocument/2006/relationships/tags" Target="../tags/tag125.xml"/><Relationship Id="rId42" Type="http://schemas.openxmlformats.org/officeDocument/2006/relationships/tags" Target="../tags/tag146.xml"/><Relationship Id="rId63" Type="http://schemas.openxmlformats.org/officeDocument/2006/relationships/tags" Target="../tags/tag167.xml"/><Relationship Id="rId84" Type="http://schemas.openxmlformats.org/officeDocument/2006/relationships/tags" Target="../tags/tag188.xml"/><Relationship Id="rId138" Type="http://schemas.openxmlformats.org/officeDocument/2006/relationships/tags" Target="../tags/tag242.xml"/><Relationship Id="rId107" Type="http://schemas.openxmlformats.org/officeDocument/2006/relationships/tags" Target="../tags/tag211.xml"/><Relationship Id="rId11" Type="http://schemas.openxmlformats.org/officeDocument/2006/relationships/slideLayout" Target="../slideLayouts/slideLayout32.xml"/><Relationship Id="rId32" Type="http://schemas.openxmlformats.org/officeDocument/2006/relationships/tags" Target="../tags/tag136.xml"/><Relationship Id="rId37" Type="http://schemas.openxmlformats.org/officeDocument/2006/relationships/tags" Target="../tags/tag141.xml"/><Relationship Id="rId53" Type="http://schemas.openxmlformats.org/officeDocument/2006/relationships/tags" Target="../tags/tag157.xml"/><Relationship Id="rId58" Type="http://schemas.openxmlformats.org/officeDocument/2006/relationships/tags" Target="../tags/tag162.xml"/><Relationship Id="rId74" Type="http://schemas.openxmlformats.org/officeDocument/2006/relationships/tags" Target="../tags/tag178.xml"/><Relationship Id="rId79" Type="http://schemas.openxmlformats.org/officeDocument/2006/relationships/tags" Target="../tags/tag183.xml"/><Relationship Id="rId102" Type="http://schemas.openxmlformats.org/officeDocument/2006/relationships/tags" Target="../tags/tag206.xml"/><Relationship Id="rId123" Type="http://schemas.openxmlformats.org/officeDocument/2006/relationships/tags" Target="../tags/tag227.xml"/><Relationship Id="rId128" Type="http://schemas.openxmlformats.org/officeDocument/2006/relationships/tags" Target="../tags/tag232.xml"/><Relationship Id="rId5" Type="http://schemas.openxmlformats.org/officeDocument/2006/relationships/slideLayout" Target="../slideLayouts/slideLayout26.xml"/><Relationship Id="rId90" Type="http://schemas.openxmlformats.org/officeDocument/2006/relationships/tags" Target="../tags/tag194.xml"/><Relationship Id="rId95" Type="http://schemas.openxmlformats.org/officeDocument/2006/relationships/tags" Target="../tags/tag199.xml"/><Relationship Id="rId22" Type="http://schemas.openxmlformats.org/officeDocument/2006/relationships/tags" Target="../tags/tag126.xml"/><Relationship Id="rId27" Type="http://schemas.openxmlformats.org/officeDocument/2006/relationships/tags" Target="../tags/tag131.xml"/><Relationship Id="rId43" Type="http://schemas.openxmlformats.org/officeDocument/2006/relationships/tags" Target="../tags/tag147.xml"/><Relationship Id="rId48" Type="http://schemas.openxmlformats.org/officeDocument/2006/relationships/tags" Target="../tags/tag152.xml"/><Relationship Id="rId64" Type="http://schemas.openxmlformats.org/officeDocument/2006/relationships/tags" Target="../tags/tag168.xml"/><Relationship Id="rId69" Type="http://schemas.openxmlformats.org/officeDocument/2006/relationships/tags" Target="../tags/tag173.xml"/><Relationship Id="rId113" Type="http://schemas.openxmlformats.org/officeDocument/2006/relationships/tags" Target="../tags/tag217.xml"/><Relationship Id="rId118" Type="http://schemas.openxmlformats.org/officeDocument/2006/relationships/tags" Target="../tags/tag222.xml"/><Relationship Id="rId134" Type="http://schemas.openxmlformats.org/officeDocument/2006/relationships/tags" Target="../tags/tag238.xml"/><Relationship Id="rId139" Type="http://schemas.openxmlformats.org/officeDocument/2006/relationships/tags" Target="../tags/tag243.xml"/><Relationship Id="rId80" Type="http://schemas.openxmlformats.org/officeDocument/2006/relationships/tags" Target="../tags/tag184.xml"/><Relationship Id="rId85" Type="http://schemas.openxmlformats.org/officeDocument/2006/relationships/tags" Target="../tags/tag189.xml"/><Relationship Id="rId12" Type="http://schemas.openxmlformats.org/officeDocument/2006/relationships/slideLayout" Target="../slideLayouts/slideLayout33.xml"/><Relationship Id="rId17" Type="http://schemas.openxmlformats.org/officeDocument/2006/relationships/slideLayout" Target="../slideLayouts/slideLayout38.xml"/><Relationship Id="rId33" Type="http://schemas.openxmlformats.org/officeDocument/2006/relationships/tags" Target="../tags/tag137.xml"/><Relationship Id="rId38" Type="http://schemas.openxmlformats.org/officeDocument/2006/relationships/tags" Target="../tags/tag142.xml"/><Relationship Id="rId59" Type="http://schemas.openxmlformats.org/officeDocument/2006/relationships/tags" Target="../tags/tag163.xml"/><Relationship Id="rId103" Type="http://schemas.openxmlformats.org/officeDocument/2006/relationships/tags" Target="../tags/tag207.xml"/><Relationship Id="rId108" Type="http://schemas.openxmlformats.org/officeDocument/2006/relationships/tags" Target="../tags/tag212.xml"/><Relationship Id="rId124" Type="http://schemas.openxmlformats.org/officeDocument/2006/relationships/tags" Target="../tags/tag228.xml"/><Relationship Id="rId129" Type="http://schemas.openxmlformats.org/officeDocument/2006/relationships/tags" Target="../tags/tag233.xml"/><Relationship Id="rId54" Type="http://schemas.openxmlformats.org/officeDocument/2006/relationships/tags" Target="../tags/tag158.xml"/><Relationship Id="rId70" Type="http://schemas.openxmlformats.org/officeDocument/2006/relationships/tags" Target="../tags/tag174.xml"/><Relationship Id="rId75" Type="http://schemas.openxmlformats.org/officeDocument/2006/relationships/tags" Target="../tags/tag179.xml"/><Relationship Id="rId91" Type="http://schemas.openxmlformats.org/officeDocument/2006/relationships/tags" Target="../tags/tag195.xml"/><Relationship Id="rId96" Type="http://schemas.openxmlformats.org/officeDocument/2006/relationships/tags" Target="../tags/tag200.xml"/><Relationship Id="rId140" Type="http://schemas.openxmlformats.org/officeDocument/2006/relationships/tags" Target="../tags/tag244.xml"/><Relationship Id="rId1" Type="http://schemas.openxmlformats.org/officeDocument/2006/relationships/slideLayout" Target="../slideLayouts/slideLayout22.xml"/><Relationship Id="rId6" Type="http://schemas.openxmlformats.org/officeDocument/2006/relationships/slideLayout" Target="../slideLayouts/slideLayout27.xml"/><Relationship Id="rId23" Type="http://schemas.openxmlformats.org/officeDocument/2006/relationships/tags" Target="../tags/tag127.xml"/><Relationship Id="rId28" Type="http://schemas.openxmlformats.org/officeDocument/2006/relationships/tags" Target="../tags/tag132.xml"/><Relationship Id="rId49" Type="http://schemas.openxmlformats.org/officeDocument/2006/relationships/tags" Target="../tags/tag153.xml"/><Relationship Id="rId114" Type="http://schemas.openxmlformats.org/officeDocument/2006/relationships/tags" Target="../tags/tag218.xml"/><Relationship Id="rId119" Type="http://schemas.openxmlformats.org/officeDocument/2006/relationships/tags" Target="../tags/tag223.xml"/><Relationship Id="rId44" Type="http://schemas.openxmlformats.org/officeDocument/2006/relationships/tags" Target="../tags/tag148.xml"/><Relationship Id="rId60" Type="http://schemas.openxmlformats.org/officeDocument/2006/relationships/tags" Target="../tags/tag164.xml"/><Relationship Id="rId65" Type="http://schemas.openxmlformats.org/officeDocument/2006/relationships/tags" Target="../tags/tag169.xml"/><Relationship Id="rId81" Type="http://schemas.openxmlformats.org/officeDocument/2006/relationships/tags" Target="../tags/tag185.xml"/><Relationship Id="rId86" Type="http://schemas.openxmlformats.org/officeDocument/2006/relationships/tags" Target="../tags/tag190.xml"/><Relationship Id="rId130" Type="http://schemas.openxmlformats.org/officeDocument/2006/relationships/tags" Target="../tags/tag234.xml"/><Relationship Id="rId135" Type="http://schemas.openxmlformats.org/officeDocument/2006/relationships/tags" Target="../tags/tag239.xml"/><Relationship Id="rId13" Type="http://schemas.openxmlformats.org/officeDocument/2006/relationships/slideLayout" Target="../slideLayouts/slideLayout34.xml"/><Relationship Id="rId18" Type="http://schemas.openxmlformats.org/officeDocument/2006/relationships/slideLayout" Target="../slideLayouts/slideLayout39.xml"/><Relationship Id="rId39" Type="http://schemas.openxmlformats.org/officeDocument/2006/relationships/tags" Target="../tags/tag143.xml"/><Relationship Id="rId109" Type="http://schemas.openxmlformats.org/officeDocument/2006/relationships/tags" Target="../tags/tag213.xml"/><Relationship Id="rId34" Type="http://schemas.openxmlformats.org/officeDocument/2006/relationships/tags" Target="../tags/tag138.xml"/><Relationship Id="rId50" Type="http://schemas.openxmlformats.org/officeDocument/2006/relationships/tags" Target="../tags/tag154.xml"/><Relationship Id="rId55" Type="http://schemas.openxmlformats.org/officeDocument/2006/relationships/tags" Target="../tags/tag159.xml"/><Relationship Id="rId76" Type="http://schemas.openxmlformats.org/officeDocument/2006/relationships/tags" Target="../tags/tag180.xml"/><Relationship Id="rId97" Type="http://schemas.openxmlformats.org/officeDocument/2006/relationships/tags" Target="../tags/tag201.xml"/><Relationship Id="rId104" Type="http://schemas.openxmlformats.org/officeDocument/2006/relationships/tags" Target="../tags/tag208.xml"/><Relationship Id="rId120" Type="http://schemas.openxmlformats.org/officeDocument/2006/relationships/tags" Target="../tags/tag224.xml"/><Relationship Id="rId125" Type="http://schemas.openxmlformats.org/officeDocument/2006/relationships/tags" Target="../tags/tag229.xml"/><Relationship Id="rId141" Type="http://schemas.openxmlformats.org/officeDocument/2006/relationships/tags" Target="../tags/tag245.xml"/><Relationship Id="rId7" Type="http://schemas.openxmlformats.org/officeDocument/2006/relationships/slideLayout" Target="../slideLayouts/slideLayout28.xml"/><Relationship Id="rId71" Type="http://schemas.openxmlformats.org/officeDocument/2006/relationships/tags" Target="../tags/tag175.xml"/><Relationship Id="rId92" Type="http://schemas.openxmlformats.org/officeDocument/2006/relationships/tags" Target="../tags/tag196.xml"/><Relationship Id="rId2" Type="http://schemas.openxmlformats.org/officeDocument/2006/relationships/slideLayout" Target="../slideLayouts/slideLayout23.xml"/><Relationship Id="rId29" Type="http://schemas.openxmlformats.org/officeDocument/2006/relationships/tags" Target="../tags/tag133.xml"/><Relationship Id="rId24" Type="http://schemas.openxmlformats.org/officeDocument/2006/relationships/tags" Target="../tags/tag128.xml"/><Relationship Id="rId40" Type="http://schemas.openxmlformats.org/officeDocument/2006/relationships/tags" Target="../tags/tag144.xml"/><Relationship Id="rId45" Type="http://schemas.openxmlformats.org/officeDocument/2006/relationships/tags" Target="../tags/tag149.xml"/><Relationship Id="rId66" Type="http://schemas.openxmlformats.org/officeDocument/2006/relationships/tags" Target="../tags/tag170.xml"/><Relationship Id="rId87" Type="http://schemas.openxmlformats.org/officeDocument/2006/relationships/tags" Target="../tags/tag191.xml"/><Relationship Id="rId110" Type="http://schemas.openxmlformats.org/officeDocument/2006/relationships/tags" Target="../tags/tag214.xml"/><Relationship Id="rId115" Type="http://schemas.openxmlformats.org/officeDocument/2006/relationships/tags" Target="../tags/tag219.xml"/><Relationship Id="rId131" Type="http://schemas.openxmlformats.org/officeDocument/2006/relationships/tags" Target="../tags/tag235.xml"/><Relationship Id="rId136" Type="http://schemas.openxmlformats.org/officeDocument/2006/relationships/tags" Target="../tags/tag240.xml"/><Relationship Id="rId61" Type="http://schemas.openxmlformats.org/officeDocument/2006/relationships/tags" Target="../tags/tag165.xml"/><Relationship Id="rId82" Type="http://schemas.openxmlformats.org/officeDocument/2006/relationships/tags" Target="../tags/tag186.xml"/><Relationship Id="rId19" Type="http://schemas.openxmlformats.org/officeDocument/2006/relationships/slideLayout" Target="../slideLayouts/slideLayout40.xml"/><Relationship Id="rId14" Type="http://schemas.openxmlformats.org/officeDocument/2006/relationships/slideLayout" Target="../slideLayouts/slideLayout35.xml"/><Relationship Id="rId30" Type="http://schemas.openxmlformats.org/officeDocument/2006/relationships/tags" Target="../tags/tag134.xml"/><Relationship Id="rId35" Type="http://schemas.openxmlformats.org/officeDocument/2006/relationships/tags" Target="../tags/tag139.xml"/><Relationship Id="rId56" Type="http://schemas.openxmlformats.org/officeDocument/2006/relationships/tags" Target="../tags/tag160.xml"/><Relationship Id="rId77" Type="http://schemas.openxmlformats.org/officeDocument/2006/relationships/tags" Target="../tags/tag181.xml"/><Relationship Id="rId100" Type="http://schemas.openxmlformats.org/officeDocument/2006/relationships/tags" Target="../tags/tag204.xml"/><Relationship Id="rId105" Type="http://schemas.openxmlformats.org/officeDocument/2006/relationships/tags" Target="../tags/tag209.xml"/><Relationship Id="rId126" Type="http://schemas.openxmlformats.org/officeDocument/2006/relationships/tags" Target="../tags/tag230.xml"/><Relationship Id="rId8" Type="http://schemas.openxmlformats.org/officeDocument/2006/relationships/slideLayout" Target="../slideLayouts/slideLayout29.xml"/><Relationship Id="rId51" Type="http://schemas.openxmlformats.org/officeDocument/2006/relationships/tags" Target="../tags/tag155.xml"/><Relationship Id="rId72" Type="http://schemas.openxmlformats.org/officeDocument/2006/relationships/tags" Target="../tags/tag176.xml"/><Relationship Id="rId93" Type="http://schemas.openxmlformats.org/officeDocument/2006/relationships/tags" Target="../tags/tag197.xml"/><Relationship Id="rId98" Type="http://schemas.openxmlformats.org/officeDocument/2006/relationships/tags" Target="../tags/tag202.xml"/><Relationship Id="rId121" Type="http://schemas.openxmlformats.org/officeDocument/2006/relationships/tags" Target="../tags/tag225.xml"/><Relationship Id="rId142" Type="http://schemas.openxmlformats.org/officeDocument/2006/relationships/tags" Target="../tags/tag246.xml"/><Relationship Id="rId3" Type="http://schemas.openxmlformats.org/officeDocument/2006/relationships/slideLayout" Target="../slideLayouts/slideLayout24.xml"/><Relationship Id="rId25" Type="http://schemas.openxmlformats.org/officeDocument/2006/relationships/tags" Target="../tags/tag129.xml"/><Relationship Id="rId46" Type="http://schemas.openxmlformats.org/officeDocument/2006/relationships/tags" Target="../tags/tag150.xml"/><Relationship Id="rId67" Type="http://schemas.openxmlformats.org/officeDocument/2006/relationships/tags" Target="../tags/tag171.xml"/><Relationship Id="rId116" Type="http://schemas.openxmlformats.org/officeDocument/2006/relationships/tags" Target="../tags/tag220.xml"/><Relationship Id="rId137" Type="http://schemas.openxmlformats.org/officeDocument/2006/relationships/tags" Target="../tags/tag241.xml"/><Relationship Id="rId20" Type="http://schemas.openxmlformats.org/officeDocument/2006/relationships/theme" Target="../theme/theme2.xml"/><Relationship Id="rId41" Type="http://schemas.openxmlformats.org/officeDocument/2006/relationships/tags" Target="../tags/tag145.xml"/><Relationship Id="rId62" Type="http://schemas.openxmlformats.org/officeDocument/2006/relationships/tags" Target="../tags/tag166.xml"/><Relationship Id="rId83" Type="http://schemas.openxmlformats.org/officeDocument/2006/relationships/tags" Target="../tags/tag187.xml"/><Relationship Id="rId88" Type="http://schemas.openxmlformats.org/officeDocument/2006/relationships/tags" Target="../tags/tag192.xml"/><Relationship Id="rId111" Type="http://schemas.openxmlformats.org/officeDocument/2006/relationships/tags" Target="../tags/tag215.xml"/><Relationship Id="rId132" Type="http://schemas.openxmlformats.org/officeDocument/2006/relationships/tags" Target="../tags/tag236.xml"/><Relationship Id="rId15" Type="http://schemas.openxmlformats.org/officeDocument/2006/relationships/slideLayout" Target="../slideLayouts/slideLayout36.xml"/><Relationship Id="rId36" Type="http://schemas.openxmlformats.org/officeDocument/2006/relationships/tags" Target="../tags/tag140.xml"/><Relationship Id="rId57" Type="http://schemas.openxmlformats.org/officeDocument/2006/relationships/tags" Target="../tags/tag161.xml"/><Relationship Id="rId106" Type="http://schemas.openxmlformats.org/officeDocument/2006/relationships/tags" Target="../tags/tag210.xml"/><Relationship Id="rId127" Type="http://schemas.openxmlformats.org/officeDocument/2006/relationships/tags" Target="../tags/tag231.xml"/><Relationship Id="rId10" Type="http://schemas.openxmlformats.org/officeDocument/2006/relationships/slideLayout" Target="../slideLayouts/slideLayout31.xml"/><Relationship Id="rId31" Type="http://schemas.openxmlformats.org/officeDocument/2006/relationships/tags" Target="../tags/tag135.xml"/><Relationship Id="rId52" Type="http://schemas.openxmlformats.org/officeDocument/2006/relationships/tags" Target="../tags/tag156.xml"/><Relationship Id="rId73" Type="http://schemas.openxmlformats.org/officeDocument/2006/relationships/tags" Target="../tags/tag177.xml"/><Relationship Id="rId78" Type="http://schemas.openxmlformats.org/officeDocument/2006/relationships/tags" Target="../tags/tag182.xml"/><Relationship Id="rId94" Type="http://schemas.openxmlformats.org/officeDocument/2006/relationships/tags" Target="../tags/tag198.xml"/><Relationship Id="rId99" Type="http://schemas.openxmlformats.org/officeDocument/2006/relationships/tags" Target="../tags/tag203.xml"/><Relationship Id="rId101" Type="http://schemas.openxmlformats.org/officeDocument/2006/relationships/tags" Target="../tags/tag205.xml"/><Relationship Id="rId122" Type="http://schemas.openxmlformats.org/officeDocument/2006/relationships/tags" Target="../tags/tag226.xml"/><Relationship Id="rId143" Type="http://schemas.openxmlformats.org/officeDocument/2006/relationships/tags" Target="../tags/tag247.xml"/><Relationship Id="rId4" Type="http://schemas.openxmlformats.org/officeDocument/2006/relationships/slideLayout" Target="../slideLayouts/slideLayout25.xml"/><Relationship Id="rId9" Type="http://schemas.openxmlformats.org/officeDocument/2006/relationships/slideLayout" Target="../slideLayouts/slideLayout30.xml"/><Relationship Id="rId26" Type="http://schemas.openxmlformats.org/officeDocument/2006/relationships/tags" Target="../tags/tag130.xml"/><Relationship Id="rId47" Type="http://schemas.openxmlformats.org/officeDocument/2006/relationships/tags" Target="../tags/tag151.xml"/><Relationship Id="rId68" Type="http://schemas.openxmlformats.org/officeDocument/2006/relationships/tags" Target="../tags/tag172.xml"/><Relationship Id="rId89" Type="http://schemas.openxmlformats.org/officeDocument/2006/relationships/tags" Target="../tags/tag193.xml"/><Relationship Id="rId112" Type="http://schemas.openxmlformats.org/officeDocument/2006/relationships/tags" Target="../tags/tag216.xml"/><Relationship Id="rId133" Type="http://schemas.openxmlformats.org/officeDocument/2006/relationships/tags" Target="../tags/tag237.xml"/><Relationship Id="rId16" Type="http://schemas.openxmlformats.org/officeDocument/2006/relationships/slideLayout" Target="../slideLayouts/slideLayout37.xml"/></Relationships>
</file>

<file path=ppt/slideMasters/_rels/slideMaster3.xml.rels><?xml version="1.0" encoding="UTF-8" standalone="yes"?>
<Relationships xmlns="http://schemas.openxmlformats.org/package/2006/relationships"><Relationship Id="rId26" Type="http://schemas.openxmlformats.org/officeDocument/2006/relationships/tags" Target="../tags/tag269.xml"/><Relationship Id="rId117" Type="http://schemas.openxmlformats.org/officeDocument/2006/relationships/tags" Target="../tags/tag360.xml"/><Relationship Id="rId21" Type="http://schemas.openxmlformats.org/officeDocument/2006/relationships/tags" Target="../tags/tag264.xml"/><Relationship Id="rId42" Type="http://schemas.openxmlformats.org/officeDocument/2006/relationships/tags" Target="../tags/tag285.xml"/><Relationship Id="rId47" Type="http://schemas.openxmlformats.org/officeDocument/2006/relationships/tags" Target="../tags/tag290.xml"/><Relationship Id="rId63" Type="http://schemas.openxmlformats.org/officeDocument/2006/relationships/tags" Target="../tags/tag306.xml"/><Relationship Id="rId68" Type="http://schemas.openxmlformats.org/officeDocument/2006/relationships/tags" Target="../tags/tag311.xml"/><Relationship Id="rId84" Type="http://schemas.openxmlformats.org/officeDocument/2006/relationships/tags" Target="../tags/tag327.xml"/><Relationship Id="rId89" Type="http://schemas.openxmlformats.org/officeDocument/2006/relationships/tags" Target="../tags/tag332.xml"/><Relationship Id="rId112" Type="http://schemas.openxmlformats.org/officeDocument/2006/relationships/tags" Target="../tags/tag355.xml"/><Relationship Id="rId16" Type="http://schemas.openxmlformats.org/officeDocument/2006/relationships/tags" Target="../tags/tag259.xml"/><Relationship Id="rId107" Type="http://schemas.openxmlformats.org/officeDocument/2006/relationships/tags" Target="../tags/tag350.xml"/><Relationship Id="rId11" Type="http://schemas.openxmlformats.org/officeDocument/2006/relationships/tags" Target="../tags/tag254.xml"/><Relationship Id="rId32" Type="http://schemas.openxmlformats.org/officeDocument/2006/relationships/tags" Target="../tags/tag275.xml"/><Relationship Id="rId37" Type="http://schemas.openxmlformats.org/officeDocument/2006/relationships/tags" Target="../tags/tag280.xml"/><Relationship Id="rId53" Type="http://schemas.openxmlformats.org/officeDocument/2006/relationships/tags" Target="../tags/tag296.xml"/><Relationship Id="rId58" Type="http://schemas.openxmlformats.org/officeDocument/2006/relationships/tags" Target="../tags/tag301.xml"/><Relationship Id="rId74" Type="http://schemas.openxmlformats.org/officeDocument/2006/relationships/tags" Target="../tags/tag317.xml"/><Relationship Id="rId79" Type="http://schemas.openxmlformats.org/officeDocument/2006/relationships/tags" Target="../tags/tag322.xml"/><Relationship Id="rId102" Type="http://schemas.openxmlformats.org/officeDocument/2006/relationships/tags" Target="../tags/tag345.xml"/><Relationship Id="rId123" Type="http://schemas.openxmlformats.org/officeDocument/2006/relationships/tags" Target="../tags/tag366.xml"/><Relationship Id="rId5" Type="http://schemas.openxmlformats.org/officeDocument/2006/relationships/tags" Target="../tags/tag248.xml"/><Relationship Id="rId90" Type="http://schemas.openxmlformats.org/officeDocument/2006/relationships/tags" Target="../tags/tag333.xml"/><Relationship Id="rId95" Type="http://schemas.openxmlformats.org/officeDocument/2006/relationships/tags" Target="../tags/tag338.xml"/><Relationship Id="rId22" Type="http://schemas.openxmlformats.org/officeDocument/2006/relationships/tags" Target="../tags/tag265.xml"/><Relationship Id="rId27" Type="http://schemas.openxmlformats.org/officeDocument/2006/relationships/tags" Target="../tags/tag270.xml"/><Relationship Id="rId43" Type="http://schemas.openxmlformats.org/officeDocument/2006/relationships/tags" Target="../tags/tag286.xml"/><Relationship Id="rId48" Type="http://schemas.openxmlformats.org/officeDocument/2006/relationships/tags" Target="../tags/tag291.xml"/><Relationship Id="rId64" Type="http://schemas.openxmlformats.org/officeDocument/2006/relationships/tags" Target="../tags/tag307.xml"/><Relationship Id="rId69" Type="http://schemas.openxmlformats.org/officeDocument/2006/relationships/tags" Target="../tags/tag312.xml"/><Relationship Id="rId113" Type="http://schemas.openxmlformats.org/officeDocument/2006/relationships/tags" Target="../tags/tag356.xml"/><Relationship Id="rId118" Type="http://schemas.openxmlformats.org/officeDocument/2006/relationships/tags" Target="../tags/tag361.xml"/><Relationship Id="rId80" Type="http://schemas.openxmlformats.org/officeDocument/2006/relationships/tags" Target="../tags/tag323.xml"/><Relationship Id="rId85" Type="http://schemas.openxmlformats.org/officeDocument/2006/relationships/tags" Target="../tags/tag328.xml"/><Relationship Id="rId12" Type="http://schemas.openxmlformats.org/officeDocument/2006/relationships/tags" Target="../tags/tag255.xml"/><Relationship Id="rId17" Type="http://schemas.openxmlformats.org/officeDocument/2006/relationships/tags" Target="../tags/tag260.xml"/><Relationship Id="rId33" Type="http://schemas.openxmlformats.org/officeDocument/2006/relationships/tags" Target="../tags/tag276.xml"/><Relationship Id="rId38" Type="http://schemas.openxmlformats.org/officeDocument/2006/relationships/tags" Target="../tags/tag281.xml"/><Relationship Id="rId59" Type="http://schemas.openxmlformats.org/officeDocument/2006/relationships/tags" Target="../tags/tag302.xml"/><Relationship Id="rId103" Type="http://schemas.openxmlformats.org/officeDocument/2006/relationships/tags" Target="../tags/tag346.xml"/><Relationship Id="rId108" Type="http://schemas.openxmlformats.org/officeDocument/2006/relationships/tags" Target="../tags/tag351.xml"/><Relationship Id="rId124" Type="http://schemas.openxmlformats.org/officeDocument/2006/relationships/tags" Target="../tags/tag367.xml"/><Relationship Id="rId54" Type="http://schemas.openxmlformats.org/officeDocument/2006/relationships/tags" Target="../tags/tag297.xml"/><Relationship Id="rId70" Type="http://schemas.openxmlformats.org/officeDocument/2006/relationships/tags" Target="../tags/tag313.xml"/><Relationship Id="rId75" Type="http://schemas.openxmlformats.org/officeDocument/2006/relationships/tags" Target="../tags/tag318.xml"/><Relationship Id="rId91" Type="http://schemas.openxmlformats.org/officeDocument/2006/relationships/tags" Target="../tags/tag334.xml"/><Relationship Id="rId96" Type="http://schemas.openxmlformats.org/officeDocument/2006/relationships/tags" Target="../tags/tag339.xml"/><Relationship Id="rId1" Type="http://schemas.openxmlformats.org/officeDocument/2006/relationships/slideLayout" Target="../slideLayouts/slideLayout41.xml"/><Relationship Id="rId6" Type="http://schemas.openxmlformats.org/officeDocument/2006/relationships/tags" Target="../tags/tag249.xml"/><Relationship Id="rId23" Type="http://schemas.openxmlformats.org/officeDocument/2006/relationships/tags" Target="../tags/tag266.xml"/><Relationship Id="rId28" Type="http://schemas.openxmlformats.org/officeDocument/2006/relationships/tags" Target="../tags/tag271.xml"/><Relationship Id="rId49" Type="http://schemas.openxmlformats.org/officeDocument/2006/relationships/tags" Target="../tags/tag292.xml"/><Relationship Id="rId114" Type="http://schemas.openxmlformats.org/officeDocument/2006/relationships/tags" Target="../tags/tag357.xml"/><Relationship Id="rId119" Type="http://schemas.openxmlformats.org/officeDocument/2006/relationships/tags" Target="../tags/tag362.xml"/><Relationship Id="rId44" Type="http://schemas.openxmlformats.org/officeDocument/2006/relationships/tags" Target="../tags/tag287.xml"/><Relationship Id="rId60" Type="http://schemas.openxmlformats.org/officeDocument/2006/relationships/tags" Target="../tags/tag303.xml"/><Relationship Id="rId65" Type="http://schemas.openxmlformats.org/officeDocument/2006/relationships/tags" Target="../tags/tag308.xml"/><Relationship Id="rId81" Type="http://schemas.openxmlformats.org/officeDocument/2006/relationships/tags" Target="../tags/tag324.xml"/><Relationship Id="rId86" Type="http://schemas.openxmlformats.org/officeDocument/2006/relationships/tags" Target="../tags/tag329.xml"/><Relationship Id="rId13" Type="http://schemas.openxmlformats.org/officeDocument/2006/relationships/tags" Target="../tags/tag256.xml"/><Relationship Id="rId18" Type="http://schemas.openxmlformats.org/officeDocument/2006/relationships/tags" Target="../tags/tag261.xml"/><Relationship Id="rId39" Type="http://schemas.openxmlformats.org/officeDocument/2006/relationships/tags" Target="../tags/tag282.xml"/><Relationship Id="rId109" Type="http://schemas.openxmlformats.org/officeDocument/2006/relationships/tags" Target="../tags/tag352.xml"/><Relationship Id="rId34" Type="http://schemas.openxmlformats.org/officeDocument/2006/relationships/tags" Target="../tags/tag277.xml"/><Relationship Id="rId50" Type="http://schemas.openxmlformats.org/officeDocument/2006/relationships/tags" Target="../tags/tag293.xml"/><Relationship Id="rId55" Type="http://schemas.openxmlformats.org/officeDocument/2006/relationships/tags" Target="../tags/tag298.xml"/><Relationship Id="rId76" Type="http://schemas.openxmlformats.org/officeDocument/2006/relationships/tags" Target="../tags/tag319.xml"/><Relationship Id="rId97" Type="http://schemas.openxmlformats.org/officeDocument/2006/relationships/tags" Target="../tags/tag340.xml"/><Relationship Id="rId104" Type="http://schemas.openxmlformats.org/officeDocument/2006/relationships/tags" Target="../tags/tag347.xml"/><Relationship Id="rId120" Type="http://schemas.openxmlformats.org/officeDocument/2006/relationships/tags" Target="../tags/tag363.xml"/><Relationship Id="rId125" Type="http://schemas.openxmlformats.org/officeDocument/2006/relationships/tags" Target="../tags/tag368.xml"/><Relationship Id="rId7" Type="http://schemas.openxmlformats.org/officeDocument/2006/relationships/tags" Target="../tags/tag250.xml"/><Relationship Id="rId71" Type="http://schemas.openxmlformats.org/officeDocument/2006/relationships/tags" Target="../tags/tag314.xml"/><Relationship Id="rId92" Type="http://schemas.openxmlformats.org/officeDocument/2006/relationships/tags" Target="../tags/tag335.xml"/><Relationship Id="rId2" Type="http://schemas.openxmlformats.org/officeDocument/2006/relationships/slideLayout" Target="../slideLayouts/slideLayout42.xml"/><Relationship Id="rId29" Type="http://schemas.openxmlformats.org/officeDocument/2006/relationships/tags" Target="../tags/tag272.xml"/><Relationship Id="rId24" Type="http://schemas.openxmlformats.org/officeDocument/2006/relationships/tags" Target="../tags/tag267.xml"/><Relationship Id="rId40" Type="http://schemas.openxmlformats.org/officeDocument/2006/relationships/tags" Target="../tags/tag283.xml"/><Relationship Id="rId45" Type="http://schemas.openxmlformats.org/officeDocument/2006/relationships/tags" Target="../tags/tag288.xml"/><Relationship Id="rId66" Type="http://schemas.openxmlformats.org/officeDocument/2006/relationships/tags" Target="../tags/tag309.xml"/><Relationship Id="rId87" Type="http://schemas.openxmlformats.org/officeDocument/2006/relationships/tags" Target="../tags/tag330.xml"/><Relationship Id="rId110" Type="http://schemas.openxmlformats.org/officeDocument/2006/relationships/tags" Target="../tags/tag353.xml"/><Relationship Id="rId115" Type="http://schemas.openxmlformats.org/officeDocument/2006/relationships/tags" Target="../tags/tag358.xml"/><Relationship Id="rId61" Type="http://schemas.openxmlformats.org/officeDocument/2006/relationships/tags" Target="../tags/tag304.xml"/><Relationship Id="rId82" Type="http://schemas.openxmlformats.org/officeDocument/2006/relationships/tags" Target="../tags/tag325.xml"/><Relationship Id="rId19" Type="http://schemas.openxmlformats.org/officeDocument/2006/relationships/tags" Target="../tags/tag262.xml"/><Relationship Id="rId14" Type="http://schemas.openxmlformats.org/officeDocument/2006/relationships/tags" Target="../tags/tag257.xml"/><Relationship Id="rId30" Type="http://schemas.openxmlformats.org/officeDocument/2006/relationships/tags" Target="../tags/tag273.xml"/><Relationship Id="rId35" Type="http://schemas.openxmlformats.org/officeDocument/2006/relationships/tags" Target="../tags/tag278.xml"/><Relationship Id="rId56" Type="http://schemas.openxmlformats.org/officeDocument/2006/relationships/tags" Target="../tags/tag299.xml"/><Relationship Id="rId77" Type="http://schemas.openxmlformats.org/officeDocument/2006/relationships/tags" Target="../tags/tag320.xml"/><Relationship Id="rId100" Type="http://schemas.openxmlformats.org/officeDocument/2006/relationships/tags" Target="../tags/tag343.xml"/><Relationship Id="rId105" Type="http://schemas.openxmlformats.org/officeDocument/2006/relationships/tags" Target="../tags/tag348.xml"/><Relationship Id="rId126" Type="http://schemas.openxmlformats.org/officeDocument/2006/relationships/tags" Target="../tags/tag369.xml"/><Relationship Id="rId8" Type="http://schemas.openxmlformats.org/officeDocument/2006/relationships/tags" Target="../tags/tag251.xml"/><Relationship Id="rId51" Type="http://schemas.openxmlformats.org/officeDocument/2006/relationships/tags" Target="../tags/tag294.xml"/><Relationship Id="rId72" Type="http://schemas.openxmlformats.org/officeDocument/2006/relationships/tags" Target="../tags/tag315.xml"/><Relationship Id="rId93" Type="http://schemas.openxmlformats.org/officeDocument/2006/relationships/tags" Target="../tags/tag336.xml"/><Relationship Id="rId98" Type="http://schemas.openxmlformats.org/officeDocument/2006/relationships/tags" Target="../tags/tag341.xml"/><Relationship Id="rId121" Type="http://schemas.openxmlformats.org/officeDocument/2006/relationships/tags" Target="../tags/tag364.xml"/><Relationship Id="rId3" Type="http://schemas.openxmlformats.org/officeDocument/2006/relationships/slideLayout" Target="../slideLayouts/slideLayout43.xml"/><Relationship Id="rId25" Type="http://schemas.openxmlformats.org/officeDocument/2006/relationships/tags" Target="../tags/tag268.xml"/><Relationship Id="rId46" Type="http://schemas.openxmlformats.org/officeDocument/2006/relationships/tags" Target="../tags/tag289.xml"/><Relationship Id="rId67" Type="http://schemas.openxmlformats.org/officeDocument/2006/relationships/tags" Target="../tags/tag310.xml"/><Relationship Id="rId116" Type="http://schemas.openxmlformats.org/officeDocument/2006/relationships/tags" Target="../tags/tag359.xml"/><Relationship Id="rId20" Type="http://schemas.openxmlformats.org/officeDocument/2006/relationships/tags" Target="../tags/tag263.xml"/><Relationship Id="rId41" Type="http://schemas.openxmlformats.org/officeDocument/2006/relationships/tags" Target="../tags/tag284.xml"/><Relationship Id="rId62" Type="http://schemas.openxmlformats.org/officeDocument/2006/relationships/tags" Target="../tags/tag305.xml"/><Relationship Id="rId83" Type="http://schemas.openxmlformats.org/officeDocument/2006/relationships/tags" Target="../tags/tag326.xml"/><Relationship Id="rId88" Type="http://schemas.openxmlformats.org/officeDocument/2006/relationships/tags" Target="../tags/tag331.xml"/><Relationship Id="rId111" Type="http://schemas.openxmlformats.org/officeDocument/2006/relationships/tags" Target="../tags/tag354.xml"/><Relationship Id="rId15" Type="http://schemas.openxmlformats.org/officeDocument/2006/relationships/tags" Target="../tags/tag258.xml"/><Relationship Id="rId36" Type="http://schemas.openxmlformats.org/officeDocument/2006/relationships/tags" Target="../tags/tag279.xml"/><Relationship Id="rId57" Type="http://schemas.openxmlformats.org/officeDocument/2006/relationships/tags" Target="../tags/tag300.xml"/><Relationship Id="rId106" Type="http://schemas.openxmlformats.org/officeDocument/2006/relationships/tags" Target="../tags/tag349.xml"/><Relationship Id="rId127" Type="http://schemas.openxmlformats.org/officeDocument/2006/relationships/tags" Target="../tags/tag370.xml"/><Relationship Id="rId10" Type="http://schemas.openxmlformats.org/officeDocument/2006/relationships/tags" Target="../tags/tag253.xml"/><Relationship Id="rId31" Type="http://schemas.openxmlformats.org/officeDocument/2006/relationships/tags" Target="../tags/tag274.xml"/><Relationship Id="rId52" Type="http://schemas.openxmlformats.org/officeDocument/2006/relationships/tags" Target="../tags/tag295.xml"/><Relationship Id="rId73" Type="http://schemas.openxmlformats.org/officeDocument/2006/relationships/tags" Target="../tags/tag316.xml"/><Relationship Id="rId78" Type="http://schemas.openxmlformats.org/officeDocument/2006/relationships/tags" Target="../tags/tag321.xml"/><Relationship Id="rId94" Type="http://schemas.openxmlformats.org/officeDocument/2006/relationships/tags" Target="../tags/tag337.xml"/><Relationship Id="rId99" Type="http://schemas.openxmlformats.org/officeDocument/2006/relationships/tags" Target="../tags/tag342.xml"/><Relationship Id="rId101" Type="http://schemas.openxmlformats.org/officeDocument/2006/relationships/tags" Target="../tags/tag344.xml"/><Relationship Id="rId122" Type="http://schemas.openxmlformats.org/officeDocument/2006/relationships/tags" Target="../tags/tag365.xml"/><Relationship Id="rId4" Type="http://schemas.openxmlformats.org/officeDocument/2006/relationships/theme" Target="../theme/theme3.xml"/><Relationship Id="rId9" Type="http://schemas.openxmlformats.org/officeDocument/2006/relationships/tags" Target="../tags/tag25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6353e921-2b3b-4b61-81c2-4e5eea97d202&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Non-Business</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3"/>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6"/>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41" r:id="rId3"/>
    <p:sldLayoutId id="2147483765" r:id="rId4"/>
    <p:sldLayoutId id="2147483767" r:id="rId5"/>
    <p:sldLayoutId id="2147483743" r:id="rId6"/>
    <p:sldLayoutId id="2147483774" r:id="rId7"/>
    <p:sldLayoutId id="2147483745" r:id="rId8"/>
    <p:sldLayoutId id="2147483760" r:id="rId9"/>
    <p:sldLayoutId id="2147483768" r:id="rId10"/>
    <p:sldLayoutId id="2147483769" r:id="rId11"/>
    <p:sldLayoutId id="2147483770" r:id="rId12"/>
    <p:sldLayoutId id="2147483744" r:id="rId13"/>
    <p:sldLayoutId id="2147483757" r:id="rId14"/>
    <p:sldLayoutId id="2147483771" r:id="rId15"/>
    <p:sldLayoutId id="2147483763" r:id="rId16"/>
    <p:sldLayoutId id="2147483751" r:id="rId17"/>
    <p:sldLayoutId id="2147483756" r:id="rId18"/>
    <p:sldLayoutId id="2147483740" r:id="rId19"/>
    <p:sldLayoutId id="2147483839" r:id="rId20"/>
    <p:sldLayoutId id="2147483840" r:id="rId21"/>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FFFFFF"/>
                </a:solidFill>
                <a:effectLst/>
                <a:uLnTx/>
                <a:uFillTx/>
                <a:latin typeface="Arial"/>
                <a:ea typeface="+mn-ea"/>
                <a:cs typeface="+mn-cs"/>
              </a:rPr>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t>‹#›</a:t>
            </a:fld>
            <a:endParaRPr kumimoji="0" lang="en-US" sz="900" b="0" i="0" u="none" strike="noStrike" kern="1200" cap="none" spc="0" normalizeH="0" baseline="0" noProof="0">
              <a:ln>
                <a:noFill/>
              </a:ln>
              <a:solidFill>
                <a:srgbClr val="FFFFFF"/>
              </a:solidFill>
              <a:effectLst/>
              <a:uLnTx/>
              <a:uFillTx/>
              <a:latin typeface="Arial"/>
              <a:ea typeface="+mn-ea"/>
              <a:cs typeface="+mn-cs"/>
            </a:endParaRPr>
          </a:p>
        </p:txBody>
      </p:sp>
      <p:sp>
        <p:nvSpPr>
          <p:cNvPr id="6" name="Copyright Placeholder" descr="{&quot;templafy&quot;:{&quot;id&quot;:&quot;9990c8d4-7743-4413-8425-dfb6a5ef10bd&quot;}}">
            <a:extLst>
              <a:ext uri="{FF2B5EF4-FFF2-40B4-BE49-F238E27FC236}">
                <a16:creationId xmlns:a16="http://schemas.microsoft.com/office/drawing/2014/main" id="{28F8FEF7-307E-4186-BE83-C7F901EBFBB2}"/>
              </a:ext>
            </a:extLst>
          </p:cNvPr>
          <p:cNvSpPr txBox="1">
            <a:spLocks/>
          </p:cNvSpPr>
          <p:nvPr userDrawn="1"/>
        </p:nvSpPr>
        <p:spPr>
          <a:xfrm>
            <a:off x="504001" y="6536750"/>
            <a:ext cx="10155600" cy="138499"/>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
                <a:srgbClr val="F0AB00"/>
              </a:buClr>
              <a:buSzPct val="80000"/>
              <a:buFont typeface="Arial" panose="020B0604020202020204" pitchFamily="34" charset="0"/>
              <a:buNone/>
              <a:tabLst/>
              <a:defRPr/>
            </a:pPr>
            <a:r>
              <a:rPr kumimoji="0" lang="en-US" sz="600" b="0" i="0" u="none" strike="noStrike" kern="1200" cap="none" spc="0" normalizeH="0" baseline="0" noProof="0">
                <a:ln>
                  <a:noFill/>
                </a:ln>
                <a:solidFill>
                  <a:srgbClr val="FFFFFF"/>
                </a:solidFill>
                <a:effectLst/>
                <a:uLnTx/>
                <a:uFillTx/>
                <a:latin typeface="Arial"/>
                <a:ea typeface="+mn-ea"/>
                <a:cs typeface="+mn-cs"/>
              </a:rPr>
              <a:t>Non-Business</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7" name="Harvey 3" hidden="1">
            <a:extLst>
              <a:ext uri="{FF2B5EF4-FFF2-40B4-BE49-F238E27FC236}">
                <a16:creationId xmlns:a16="http://schemas.microsoft.com/office/drawing/2014/main" id="{E2DD6C7F-2784-4085-B35E-D0CF93151D32}"/>
              </a:ext>
            </a:extLst>
          </p:cNvPr>
          <p:cNvGrpSpPr>
            <a:grpSpLocks/>
          </p:cNvGrpSpPr>
          <p:nvPr userDrawn="1">
            <p:custDataLst>
              <p:tags r:id="rId21"/>
            </p:custDataLst>
          </p:nvPr>
        </p:nvGrpSpPr>
        <p:grpSpPr>
          <a:xfrm>
            <a:off x="3938798" y="3978000"/>
            <a:ext cx="1024878" cy="1024878"/>
            <a:chOff x="0" y="0"/>
            <a:chExt cx="914400" cy="914400"/>
          </a:xfrm>
          <a:solidFill>
            <a:schemeClr val="accent1"/>
          </a:solidFill>
        </p:grpSpPr>
        <p:sp>
          <p:nvSpPr>
            <p:cNvPr id="8" name="Harvey 0/3 [0]">
              <a:extLst>
                <a:ext uri="{FF2B5EF4-FFF2-40B4-BE49-F238E27FC236}">
                  <a16:creationId xmlns:a16="http://schemas.microsoft.com/office/drawing/2014/main" id="{76D1956A-873B-484E-BE75-6EDE3EFEDCC2}"/>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7A8F53B0-6F79-4898-A0C4-A91F7DB00E6A}"/>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67E7417D-4B0A-4A13-A4D7-B51B7C58CC54}"/>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94AD8207-D125-429F-A09F-08C9EE19B157}"/>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6B608003-5C72-434E-8F1C-BF7F4CA4A26C}"/>
              </a:ext>
            </a:extLst>
          </p:cNvPr>
          <p:cNvGrpSpPr>
            <a:grpSpLocks/>
          </p:cNvGrpSpPr>
          <p:nvPr userDrawn="1">
            <p:custDataLst>
              <p:tags r:id="rId2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0467B57E-FAD8-4950-97F9-ECAB5EC75227}"/>
                </a:ext>
              </a:extLst>
            </p:cNvPr>
            <p:cNvSpPr>
              <a:spLocks noChangeAspect="1"/>
            </p:cNvSpPr>
            <p:nvPr>
              <p:custDataLst>
                <p:tags r:id="rId13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37FDC8-754C-4807-899B-A34C337B435F}"/>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500E3869-B32B-4A08-829A-07819962707F}"/>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83770D17-214F-4DFB-8C4A-75BCB6FDCCF1}"/>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2298CBDE-E2CD-44DD-81DA-565BDE17B854}"/>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65A741E4-88C1-4827-B19E-63A8295DED86}"/>
              </a:ext>
            </a:extLst>
          </p:cNvPr>
          <p:cNvGrpSpPr>
            <a:grpSpLocks/>
          </p:cNvGrpSpPr>
          <p:nvPr userDrawn="1">
            <p:custDataLst>
              <p:tags r:id="rId2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D63D2936-46EA-44E4-95BC-083F8C581A0C}"/>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D096D980-9CFC-4294-9B40-92841B87F312}"/>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9B0FC65-F825-4960-BF8A-E86755376C2C}"/>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72489F0D-9F1E-4F64-B7DC-7C979BD81FA6}"/>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4F47161A-836E-4CB2-97C4-5ABCB035EE25}"/>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D80539EF-20E9-4266-BD06-3959673E5243}"/>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C88D2627-1A78-4152-B77C-58669AC49F36}"/>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F8117399-4ECF-44E9-9BC8-A7C83760976C}"/>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B912D41C-14ED-4BE0-96D3-6AEB2ED794D2}"/>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2C4AA9A9-EE14-41CD-8AD6-AC987D77FC05}"/>
              </a:ext>
            </a:extLst>
          </p:cNvPr>
          <p:cNvGrpSpPr/>
          <p:nvPr userDrawn="1">
            <p:custDataLst>
              <p:tags r:id="rId2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0B60B67C-997A-4EB0-98E0-CA4E4E4B5118}"/>
                </a:ext>
              </a:extLst>
            </p:cNvPr>
            <p:cNvSpPr>
              <a:spLocks noChangeAspect="1"/>
            </p:cNvSpPr>
            <p:nvPr>
              <p:custDataLst>
                <p:tags r:id="rId2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7DAEEFA9-09E0-4535-8058-345772E9D55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C84C906D-AC0F-4F5B-B334-51FDEA499286}"/>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5331B348-43F5-457E-9C20-7EAAD007F74A}"/>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18D263CF-2B62-4C47-BE83-FD72BDBDB277}"/>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DB8F581D-8CF4-44A7-B4F4-0DE74457F251}"/>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383A6352-9EAD-4A05-8ABD-66158F752B74}"/>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AC78B9F4-DF17-4E2D-9790-668D5CEC3049}"/>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2577ED03-E1A5-42A1-8DCD-AEFD054EB873}"/>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9B167A94-DCC5-461B-9970-C5FFF47CB641}"/>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5A26E699-12E3-4167-ADED-3C1AF764FAA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820A8FC-3CE4-4CBA-BAE6-398A7F026B55}"/>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31F16729-DFEC-43AE-96FD-5ADAD841109F}"/>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E4398C50-BFFD-487F-93AC-1F2177BB3B86}"/>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675D9417-20D9-4833-9CE5-50B086713780}"/>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666FBE4-3CEE-43B7-83C1-0C2A47739511}"/>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F979B8E0-5904-481A-B1E1-9C6D95DF9F7C}"/>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71716968-2083-4153-9DAA-3F8C26432AC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C1D12AF8-310A-4A60-A8D9-E26C9D0D94FD}"/>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587885C-11FD-4365-93C9-369845C5B1D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0DFEA4D6-DB33-4BA0-9B39-C6DC449D6DCF}"/>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6B616720-F062-4402-A6C1-F4CBA52171D3}"/>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E4A5CA2-E839-4E73-A274-49DE99B1C50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3DCD53C2-A835-4CB8-9468-2C92013F44B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0BD9113F-8ACE-463E-BEF7-5D2C960A1E3D}"/>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A0C79897-7FEB-441B-A4CB-F5B74F5352FA}"/>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88DEA423-7272-4270-BD71-9ACAEB894DD2}"/>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ABF9DC9D-9784-42F7-9BC1-D959BA5B29A9}"/>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253A0F1B-274A-4C2F-8909-10DCC3C664C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F088766A-C09E-41AD-B4A8-037680E089A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33917A65-AD51-4648-AAB4-80520AB0DF59}"/>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60CB2766-A8A0-4EC5-93AC-A9FA9B2EDF87}"/>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CAC81949-5BCB-4FFD-9284-D4C754DB7E63}"/>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86CD47EE-4D9E-42B8-B6AB-5866BABF0A8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0F21930-7819-4484-8BC2-24ADAFBF4661}"/>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6BAC333F-8F1A-461D-A13A-543036E6C360}"/>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C3343ED1-4EC6-4E9E-B0D4-04063CCDCBA5}"/>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A708B5F6-5DEF-4C81-B17E-B40298FAFF37}"/>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A66921B0-1234-4643-AEDF-EA370AB72678}"/>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33DF93CE-4BEC-4E23-B207-3A3D24BA88DB}"/>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743BBE64-E8AE-431B-A3F5-0BC3EFCF170A}"/>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9A92A148-61C9-4A68-B88F-DEBF70F366D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95B2275-79DF-4600-968F-4A342730E5D7}"/>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0EDDDB89-4687-4E79-B4A5-CEA4DC104A0F}"/>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C55ACE0A-FE8C-4946-90E5-595C4B50ECB8}"/>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C3C97B00-88DC-4936-B5A6-A08A75F0ABB5}"/>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92F6FFA4-3CBC-4B59-9D72-AFC05873917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4E849BB4-2601-4C2B-B994-35A1C0E7E5CA}"/>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94CAB759-7BC1-4DBC-B899-C726287011F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046DACFB-25FF-4C07-9C05-79EA15EE9F0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D5CE1598-6D7A-4D44-8C77-406476D5C52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F2DF6732-AEFD-4697-BC9B-C58EB9BA8E4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16803592-72AA-4516-A884-525A808682B4}"/>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5F99AC13-0D56-4AE3-AEA7-5C4F5708B17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541F1DB6-93AE-4A84-AB2D-8BC8F86C3D84}"/>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D502E6B1-F368-4550-A4D3-B3010A99F663}"/>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4720ED11-4A42-479C-84D4-DDDADFCA8B0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21A74775-B349-48A0-8EB3-EB08D561D6B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0B6A7A23-5EE1-4D66-89A0-9F9216A2BE97}"/>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97A2BD28-5A14-44CC-AF36-E25E51CB04F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FD9F7980-1AFD-41C1-8F06-2BD58E9E7DB3}"/>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1F6026E1-58EA-4165-9806-8320F1A2151F}"/>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6D59B6D1-D4A0-486E-B6B9-3FE8ECF9C85C}"/>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72CA5142-D8D9-42C7-8426-2AAC92BBC5C5}"/>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8C402CD6-E17F-4364-A73B-136161E50AD6}"/>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01BAEB30-CD03-4381-BDDE-20B657FE573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A3D46CD0-3F66-416E-BAFF-126E1A4784A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0F1B6B8A-04A8-44E5-84B4-58A3959BB46B}"/>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06028C46-1883-45B7-8314-A8D2BF1FBD61}"/>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F99BDCEF-D0B7-4B1D-9B03-512515EB7624}"/>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CC7813EC-4BD1-43A5-BA1A-26ACB8B2E6FA}"/>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8162D4CF-AA2B-4374-92D5-BD31E37529FF}"/>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10989EA-C787-4E9F-8213-206712EC3CFE}"/>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67A73065-5334-4F41-A369-8EB437B331D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14727066-BEC2-49F3-AA3E-E3A425402AE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113B9B44-4595-4732-933D-6C0AA7F533BB}"/>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06EBC64F-EA62-4482-A2A7-5939C0723B11}"/>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33897A80-E31B-4861-AB97-6833FD1866E7}"/>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B0225A30-1CA9-4637-83EA-DCD6E18DED7D}"/>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97423E78-84B8-41A4-88C0-2B85AECC0B84}"/>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0A0180-433B-47A5-BF80-1EEB17480B2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9926ED4B-698A-4425-A478-27C93E5CE58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7D7BFD81-01C8-4719-9A58-A31303343AA6}"/>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C087B679-2D15-4E9F-B11A-BB0FE103AF9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11D03C6A-977B-4008-8A7A-3E2151BE46B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082E0242-5963-4F00-A534-FEF1C51B9AFA}"/>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52079047-834D-4C25-BFD9-12E3AD917B28}"/>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203379C-10FF-442E-9FC3-2B647AC3BDFD}"/>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92333550-029A-4109-95FE-C047B815C2DF}"/>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1F32300F-FDD5-4B38-864C-CB443526AD71}"/>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697ADF22-F97D-4F1C-BCC7-E4612CB741D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9056A6F9-3DA3-4E9B-9E20-5113253AFD24}"/>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AE2D63FA-5325-44CA-8AD7-EF0DF6F08E6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FAC70D65-FE27-4362-B6CB-C8E98F2364A0}"/>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81AD4C59-EFEF-459D-A27F-15A14689541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10332771-7241-4A69-9E3B-39EE0DD599DB}"/>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ECCA8BB1-856A-44D2-836F-0D09CCB6E639}"/>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817876D5-B5AE-4CB9-91F0-3216E405ABFC}"/>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590CBEB8-26D2-44A7-AFC9-3B1CFAFBFD58}"/>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9E11B621-B7C7-42B9-B8C0-3204D6DB8B09}"/>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D0CABEAB-553B-494A-B777-460445E83DC6}"/>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68B218BD-395A-4502-A94E-A08DE8654F26}"/>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A7961E44-961D-4848-8CEB-1EFCB33CB293}"/>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37E592D2-D46E-4E6F-83FE-862FA73EFB5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4CFF5549-C64F-4551-8F2F-5D3B660A367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8FE9E35B-59B2-4A10-A724-3DFA5A54B44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A4D308D9-9560-4C6C-90F4-615C4E747CF1}"/>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27E0EE38-41B7-4F78-8FF1-CBCB2637480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FE8C0B9-ACE9-4D2C-ADF2-5408026F7DD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C71CC93-5EE5-4874-AD2D-4189352D970E}"/>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48CE323D-DC14-4B3E-B71E-DD8022C75652}"/>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15AE75A8-6AB5-4AF9-9E1C-D8D161F64E6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4060171791"/>
      </p:ext>
    </p:extLst>
  </p:cSld>
  <p:clrMap bg1="dk1" tx1="lt1" bg2="dk2" tx2="lt2" accent1="accent1" accent2="accent2" accent3="accent3" accent4="accent4" accent5="accent5" accent6="accent6" hlink="hlink" folHlink="folHlink"/>
  <p:sldLayoutIdLst>
    <p:sldLayoutId id="2147483818" r:id="rId1"/>
    <p:sldLayoutId id="2147483819" r:id="rId2"/>
    <p:sldLayoutId id="2147483821" r:id="rId3"/>
    <p:sldLayoutId id="2147483822" r:id="rId4"/>
    <p:sldLayoutId id="2147483823" r:id="rId5"/>
    <p:sldLayoutId id="2147483824" r:id="rId6"/>
    <p:sldLayoutId id="2147483825" r:id="rId7"/>
    <p:sldLayoutId id="2147483826" r:id="rId8"/>
    <p:sldLayoutId id="2147483827" r:id="rId9"/>
    <p:sldLayoutId id="2147483828" r:id="rId10"/>
    <p:sldLayoutId id="2147483829" r:id="rId11"/>
    <p:sldLayoutId id="2147483830" r:id="rId12"/>
    <p:sldLayoutId id="2147483831" r:id="rId13"/>
    <p:sldLayoutId id="2147483832" r:id="rId14"/>
    <p:sldLayoutId id="2147483834" r:id="rId15"/>
    <p:sldLayoutId id="2147483835" r:id="rId16"/>
    <p:sldLayoutId id="2147483836" r:id="rId17"/>
    <p:sldLayoutId id="2147483837" r:id="rId18"/>
    <p:sldLayoutId id="2147483838" r:id="rId19"/>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8" name="Text Placeholder 9" descr="{&quot;templafy&quot;:{&quot;id&quot;:&quot;650f3983-12b2-4bf1-8c6c-cc6708667ec2&quot;}}">
            <a:extLst>
              <a:ext uri="{FF2B5EF4-FFF2-40B4-BE49-F238E27FC236}">
                <a16:creationId xmlns:a16="http://schemas.microsoft.com/office/drawing/2014/main" id="{E2298AE1-CDB8-4D61-8E3E-B33DFA9BF7BF}"/>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Non-Business</a:t>
            </a:r>
          </a:p>
        </p:txBody>
      </p:sp>
      <p:grpSp>
        <p:nvGrpSpPr>
          <p:cNvPr id="6" name="Harvey 3" hidden="1">
            <a:extLst>
              <a:ext uri="{FF2B5EF4-FFF2-40B4-BE49-F238E27FC236}">
                <a16:creationId xmlns:a16="http://schemas.microsoft.com/office/drawing/2014/main" id="{8DC1505A-D53E-46CB-98E1-B26FE6EF50E2}"/>
              </a:ext>
            </a:extLst>
          </p:cNvPr>
          <p:cNvGrpSpPr>
            <a:grpSpLocks/>
          </p:cNvGrpSpPr>
          <p:nvPr userDrawn="1">
            <p:custDataLst>
              <p:tags r:id="rId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B03385C0-FA62-482E-86F8-51D141991BAA}"/>
                </a:ext>
              </a:extLst>
            </p:cNvPr>
            <p:cNvSpPr>
              <a:spLocks noChangeAspect="1"/>
            </p:cNvSpPr>
            <p:nvPr>
              <p:custDataLst>
                <p:tags r:id="rId12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2AF839AF-2E27-4E20-AC45-63BF5A3D6D5B}"/>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2BBEF0FA-98A4-41EB-8C3C-CDC4A9952293}"/>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588E309A-5C95-4579-A744-8BCF77C6484D}"/>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FAAF2626-AAF4-4D60-8827-D9A28E763C6A}"/>
              </a:ext>
            </a:extLst>
          </p:cNvPr>
          <p:cNvGrpSpPr>
            <a:grpSpLocks/>
          </p:cNvGrpSpPr>
          <p:nvPr userDrawn="1">
            <p:custDataLst>
              <p:tags r:id="rId6"/>
            </p:custDataLst>
          </p:nvPr>
        </p:nvGrpSpPr>
        <p:grpSpPr>
          <a:xfrm>
            <a:off x="5391506" y="3978000"/>
            <a:ext cx="1024878" cy="1024878"/>
            <a:chOff x="0" y="0"/>
            <a:chExt cx="914400" cy="914400"/>
          </a:xfrm>
          <a:solidFill>
            <a:schemeClr val="accent1"/>
          </a:solidFill>
        </p:grpSpPr>
        <p:sp>
          <p:nvSpPr>
            <p:cNvPr id="14" name="Harvey 0/4 [0]">
              <a:extLst>
                <a:ext uri="{FF2B5EF4-FFF2-40B4-BE49-F238E27FC236}">
                  <a16:creationId xmlns:a16="http://schemas.microsoft.com/office/drawing/2014/main" id="{2DF0EC80-934B-46F9-B89F-1A2188954F1C}"/>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1/4 [1]">
              <a:extLst>
                <a:ext uri="{FF2B5EF4-FFF2-40B4-BE49-F238E27FC236}">
                  <a16:creationId xmlns:a16="http://schemas.microsoft.com/office/drawing/2014/main" id="{1A34F556-9FC3-43DE-B08C-349BA9AF8100}"/>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2/4 [2]">
              <a:extLst>
                <a:ext uri="{FF2B5EF4-FFF2-40B4-BE49-F238E27FC236}">
                  <a16:creationId xmlns:a16="http://schemas.microsoft.com/office/drawing/2014/main" id="{B4650B2C-1EE2-4EBC-AAA6-824B8B062675}"/>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3/4 [3]">
              <a:extLst>
                <a:ext uri="{FF2B5EF4-FFF2-40B4-BE49-F238E27FC236}">
                  <a16:creationId xmlns:a16="http://schemas.microsoft.com/office/drawing/2014/main" id="{E1D9DFDA-DACB-4022-B941-267860F50122}"/>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 name="Harvey 4/4 [4]">
              <a:extLst>
                <a:ext uri="{FF2B5EF4-FFF2-40B4-BE49-F238E27FC236}">
                  <a16:creationId xmlns:a16="http://schemas.microsoft.com/office/drawing/2014/main" id="{535A9AAC-D900-41AC-A7D2-7B637F94A431}"/>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9" name="Harvey 8" hidden="1">
            <a:extLst>
              <a:ext uri="{FF2B5EF4-FFF2-40B4-BE49-F238E27FC236}">
                <a16:creationId xmlns:a16="http://schemas.microsoft.com/office/drawing/2014/main" id="{ED8A5D7C-2D26-46E7-AB93-04C15BD4F716}"/>
              </a:ext>
            </a:extLst>
          </p:cNvPr>
          <p:cNvGrpSpPr>
            <a:grpSpLocks/>
          </p:cNvGrpSpPr>
          <p:nvPr userDrawn="1">
            <p:custDataLst>
              <p:tags r:id="rId7"/>
            </p:custDataLst>
          </p:nvPr>
        </p:nvGrpSpPr>
        <p:grpSpPr>
          <a:xfrm>
            <a:off x="6844214" y="3978000"/>
            <a:ext cx="1024878" cy="1024878"/>
            <a:chOff x="0" y="0"/>
            <a:chExt cx="914400" cy="914400"/>
          </a:xfrm>
          <a:solidFill>
            <a:schemeClr val="accent1"/>
          </a:solidFill>
        </p:grpSpPr>
        <p:sp>
          <p:nvSpPr>
            <p:cNvPr id="20" name="Harvey 0/8 [0]">
              <a:extLst>
                <a:ext uri="{FF2B5EF4-FFF2-40B4-BE49-F238E27FC236}">
                  <a16:creationId xmlns:a16="http://schemas.microsoft.com/office/drawing/2014/main" id="{7D039D96-0D6A-4F0E-B841-1D6BDE482450}"/>
                </a:ext>
              </a:extLst>
            </p:cNvPr>
            <p:cNvSpPr>
              <a:spLocks noChangeAspect="1"/>
            </p:cNvSpPr>
            <p:nvPr>
              <p:custDataLst>
                <p:tags r:id="rId11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1/8 [1]">
              <a:extLst>
                <a:ext uri="{FF2B5EF4-FFF2-40B4-BE49-F238E27FC236}">
                  <a16:creationId xmlns:a16="http://schemas.microsoft.com/office/drawing/2014/main" id="{B3C7964C-88AB-43A7-A51A-B4AB84CE7A54}"/>
                </a:ext>
              </a:extLst>
            </p:cNvPr>
            <p:cNvSpPr>
              <a:spLocks noChangeAspect="1"/>
            </p:cNvSpPr>
            <p:nvPr>
              <p:custDataLst>
                <p:tags r:id="rId11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2/8 [2]">
              <a:extLst>
                <a:ext uri="{FF2B5EF4-FFF2-40B4-BE49-F238E27FC236}">
                  <a16:creationId xmlns:a16="http://schemas.microsoft.com/office/drawing/2014/main" id="{C7AE6770-5215-45FF-B014-86AA2ECC4829}"/>
                </a:ext>
              </a:extLst>
            </p:cNvPr>
            <p:cNvSpPr>
              <a:spLocks noChangeAspect="1"/>
            </p:cNvSpPr>
            <p:nvPr>
              <p:custDataLst>
                <p:tags r:id="rId11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3/8 [3]">
              <a:extLst>
                <a:ext uri="{FF2B5EF4-FFF2-40B4-BE49-F238E27FC236}">
                  <a16:creationId xmlns:a16="http://schemas.microsoft.com/office/drawing/2014/main" id="{E8B0F36E-0ABF-4BAA-A7DF-E85B8A54FB43}"/>
                </a:ext>
              </a:extLst>
            </p:cNvPr>
            <p:cNvSpPr>
              <a:spLocks noChangeAspect="1"/>
            </p:cNvSpPr>
            <p:nvPr>
              <p:custDataLst>
                <p:tags r:id="rId11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4/8 [4]">
              <a:extLst>
                <a:ext uri="{FF2B5EF4-FFF2-40B4-BE49-F238E27FC236}">
                  <a16:creationId xmlns:a16="http://schemas.microsoft.com/office/drawing/2014/main" id="{E3A6F114-74F3-42E9-A2FB-6219EF85DF8F}"/>
                </a:ext>
              </a:extLst>
            </p:cNvPr>
            <p:cNvSpPr>
              <a:spLocks noChangeAspect="1"/>
            </p:cNvSpPr>
            <p:nvPr>
              <p:custDataLst>
                <p:tags r:id="rId11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5/8 [5]">
              <a:extLst>
                <a:ext uri="{FF2B5EF4-FFF2-40B4-BE49-F238E27FC236}">
                  <a16:creationId xmlns:a16="http://schemas.microsoft.com/office/drawing/2014/main" id="{12F75908-AEE9-43DD-AD5A-408EF10384C2}"/>
                </a:ext>
              </a:extLst>
            </p:cNvPr>
            <p:cNvSpPr>
              <a:spLocks noChangeAspect="1"/>
            </p:cNvSpPr>
            <p:nvPr>
              <p:custDataLst>
                <p:tags r:id="rId11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6/8 [6]">
              <a:extLst>
                <a:ext uri="{FF2B5EF4-FFF2-40B4-BE49-F238E27FC236}">
                  <a16:creationId xmlns:a16="http://schemas.microsoft.com/office/drawing/2014/main" id="{E082B21E-784F-4399-879D-0628B9A6CA6A}"/>
                </a:ext>
              </a:extLst>
            </p:cNvPr>
            <p:cNvSpPr>
              <a:spLocks noChangeAspect="1"/>
            </p:cNvSpPr>
            <p:nvPr>
              <p:custDataLst>
                <p:tags r:id="rId11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7/8 [7]">
              <a:extLst>
                <a:ext uri="{FF2B5EF4-FFF2-40B4-BE49-F238E27FC236}">
                  <a16:creationId xmlns:a16="http://schemas.microsoft.com/office/drawing/2014/main" id="{3D4BC633-AE3B-406A-9741-3CECDA703A70}"/>
                </a:ext>
              </a:extLst>
            </p:cNvPr>
            <p:cNvSpPr>
              <a:spLocks noChangeAspect="1"/>
            </p:cNvSpPr>
            <p:nvPr>
              <p:custDataLst>
                <p:tags r:id="rId11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8" name="Harvey 8/8 [8]">
              <a:extLst>
                <a:ext uri="{FF2B5EF4-FFF2-40B4-BE49-F238E27FC236}">
                  <a16:creationId xmlns:a16="http://schemas.microsoft.com/office/drawing/2014/main" id="{FB04349D-8A21-4FA2-8C36-160BB39F77DB}"/>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9" name="Harvey 100" hidden="1">
            <a:extLst>
              <a:ext uri="{FF2B5EF4-FFF2-40B4-BE49-F238E27FC236}">
                <a16:creationId xmlns:a16="http://schemas.microsoft.com/office/drawing/2014/main" id="{FEA31CD5-AF74-430B-8937-99211CF7A86A}"/>
              </a:ext>
            </a:extLst>
          </p:cNvPr>
          <p:cNvGrpSpPr/>
          <p:nvPr userDrawn="1">
            <p:custDataLst>
              <p:tags r:id="rId8"/>
            </p:custDataLst>
          </p:nvPr>
        </p:nvGrpSpPr>
        <p:grpSpPr>
          <a:xfrm>
            <a:off x="8296922" y="3978000"/>
            <a:ext cx="1024878" cy="1024878"/>
            <a:chOff x="4334905" y="3282696"/>
            <a:chExt cx="292608" cy="292608"/>
          </a:xfrm>
          <a:solidFill>
            <a:schemeClr val="accent1"/>
          </a:solidFill>
        </p:grpSpPr>
        <p:sp>
          <p:nvSpPr>
            <p:cNvPr id="30" name="Harvey 0/100 [0]">
              <a:extLst>
                <a:ext uri="{FF2B5EF4-FFF2-40B4-BE49-F238E27FC236}">
                  <a16:creationId xmlns:a16="http://schemas.microsoft.com/office/drawing/2014/main" id="{5F002AD4-5F39-46E2-9F29-123EB3332123}"/>
                </a:ext>
              </a:extLst>
            </p:cNvPr>
            <p:cNvSpPr>
              <a:spLocks noChangeAspect="1"/>
            </p:cNvSpPr>
            <p:nvPr>
              <p:custDataLst>
                <p:tags r:id="rId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1" name="Harvey 1/100 [1]">
              <a:extLst>
                <a:ext uri="{FF2B5EF4-FFF2-40B4-BE49-F238E27FC236}">
                  <a16:creationId xmlns:a16="http://schemas.microsoft.com/office/drawing/2014/main" id="{DABA7BE6-CDF6-4FF3-B498-95C4AE35FF74}"/>
                </a:ext>
              </a:extLst>
            </p:cNvPr>
            <p:cNvSpPr>
              <a:spLocks noChangeAspect="1"/>
            </p:cNvSpPr>
            <p:nvPr>
              <p:custDataLst>
                <p:tags r:id="rId1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2" name="Harvey 2/100 [2]">
              <a:extLst>
                <a:ext uri="{FF2B5EF4-FFF2-40B4-BE49-F238E27FC236}">
                  <a16:creationId xmlns:a16="http://schemas.microsoft.com/office/drawing/2014/main" id="{82A87DF7-E27E-4604-A2B7-629CBBFE62FF}"/>
                </a:ext>
              </a:extLst>
            </p:cNvPr>
            <p:cNvSpPr>
              <a:spLocks noChangeAspect="1"/>
            </p:cNvSpPr>
            <p:nvPr>
              <p:custDataLst>
                <p:tags r:id="rId1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3" name="Harvey 3/100 [3]">
              <a:extLst>
                <a:ext uri="{FF2B5EF4-FFF2-40B4-BE49-F238E27FC236}">
                  <a16:creationId xmlns:a16="http://schemas.microsoft.com/office/drawing/2014/main" id="{4317D585-B3EC-4DA3-8086-AAC424E42AC8}"/>
                </a:ext>
              </a:extLst>
            </p:cNvPr>
            <p:cNvSpPr>
              <a:spLocks noChangeAspect="1"/>
            </p:cNvSpPr>
            <p:nvPr>
              <p:custDataLst>
                <p:tags r:id="rId1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4" name="Harvey 4/100 [4]">
              <a:extLst>
                <a:ext uri="{FF2B5EF4-FFF2-40B4-BE49-F238E27FC236}">
                  <a16:creationId xmlns:a16="http://schemas.microsoft.com/office/drawing/2014/main" id="{C3DDBA3C-91F3-4FDD-93EF-64F1A71E4620}"/>
                </a:ext>
              </a:extLst>
            </p:cNvPr>
            <p:cNvSpPr>
              <a:spLocks noChangeAspect="1"/>
            </p:cNvSpPr>
            <p:nvPr>
              <p:custDataLst>
                <p:tags r:id="rId1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955D9A72-A1B1-4430-8899-6EA8CDB57BC4}"/>
                </a:ext>
              </a:extLst>
            </p:cNvPr>
            <p:cNvSpPr>
              <a:spLocks noChangeAspect="1"/>
            </p:cNvSpPr>
            <p:nvPr>
              <p:custDataLst>
                <p:tags r:id="rId1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F17AA925-8E7C-4E48-9B34-CEB374E4482F}"/>
                </a:ext>
              </a:extLst>
            </p:cNvPr>
            <p:cNvSpPr>
              <a:spLocks noChangeAspect="1"/>
            </p:cNvSpPr>
            <p:nvPr>
              <p:custDataLst>
                <p:tags r:id="rId1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0D10FB2-DDAD-4A9A-97DC-337072825B76}"/>
                </a:ext>
              </a:extLst>
            </p:cNvPr>
            <p:cNvSpPr>
              <a:spLocks noChangeAspect="1"/>
            </p:cNvSpPr>
            <p:nvPr>
              <p:custDataLst>
                <p:tags r:id="rId1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3C8B0442-BB66-4269-8B84-78DFFC9B5D0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6FC76F65-3AF9-4E83-89E6-4625A93ACC44}"/>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A551B3DC-E53E-48F4-9837-11D36FEFD185}"/>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1AA92C73-78F8-4C49-8B1C-F9D7FDF2911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A5815C32-B3F1-4806-B3FC-0B34A002B9A8}"/>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BCB20F8A-9ED2-456B-B77B-D0ED64F5F8D6}"/>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BB501452-143B-4646-AFAA-19BBA74E5EEF}"/>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4E1610D0-A2F8-40E5-B9E9-B9F4ADE84C4F}"/>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D546B0D-BEEC-4402-9C93-0F0A501089DF}"/>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96054A1A-69A4-4D72-80DA-B36810A13E3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A255192B-3D4F-4F14-8B7E-7D5B27AF8124}"/>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2463C1CE-78FE-4461-A9B7-C75EA8A9BB11}"/>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4728CF39-D3DE-423C-8161-15E78C37CF68}"/>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AB9FECCB-7845-4DC1-A3DF-794D6C20BAFA}"/>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3173878-638A-447C-87AE-DA1B71FFED22}"/>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E9414276-F6FB-4251-AD20-EEB07DC67FA7}"/>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6743654D-4BD9-4688-87D0-A555060F7F4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3728644-05FA-4385-B2AE-51BDE2F500AF}"/>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48BAA2F8-77AD-4F0E-BAB8-E0B69855A78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96219058-74F9-4FB6-B3DF-396DDEA8C820}"/>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53EB2F4A-330A-4D2D-BDCA-00ADB39E35A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11BFFC4F-82C0-48FC-9731-68ED638028E2}"/>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B86820E6-F331-4956-BB3C-F026503EC77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04E8E28D-6A69-48B9-BD5A-627B016DEC3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D4F055B1-57CA-468B-BFF5-B09CC09B7F8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A13FE822-6756-41D8-9FEE-CDCCCFD70D4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C0428AB4-531C-4FB0-BEE9-A34E1CE3DFD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E3AA9F5-25B0-4D0A-BA39-80AE52C31FD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8671F1B4-3564-48D3-80D9-366792282DB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3A63619A-8CA1-4B1A-85CD-335017F977B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F07198F2-D644-45A1-B0C6-9AAA450B0B4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D66457F8-1D40-4CF6-BE06-BF2C73978B0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400C163E-457D-4851-8DE9-6044378DACD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400ECAC2-B757-45C2-8548-03D5903937F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B940494-301C-49A5-B898-9E2F6AD8C75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E38BF466-C8AC-4453-964C-0721723B348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DF49DF1E-332B-43E4-9F7D-89231565DE6E}"/>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42546EA4-E042-4C37-B531-00EA031B108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336A402D-2A22-4FA9-94E3-3417999DF4C6}"/>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B77E3120-DBD8-46FF-8E81-468CB9CA555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C7DE051B-949B-435F-8FE3-5AC23BD79F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CE87981A-50DC-469B-9BED-E410D9C4523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09000150-37F1-44E7-90CE-823F3D818627}"/>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7C390C9B-400C-4298-9451-DDA21AE072A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CD74444C-FD06-494D-A86F-F5A9EF3DF948}"/>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71C059AD-2B8D-4AC3-97AC-1C49D748479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B31C6B8A-F9DD-4E14-B631-766D96C6886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0BD4C0AF-89CD-4C1B-957F-8CA5A314A7F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91B10105-1727-4B9C-8FCD-3D334C87BDE6}"/>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10898073-8095-4DE7-AD95-0F8C96BC36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6DAC7101-D4D8-448C-A304-03FD92F4726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217FF511-93A0-4626-AD9A-E3C9223AB08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B174582B-2B02-49C0-BF3C-2F590DA4B37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33DB99C1-7490-4472-9497-92CB0A05D37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5B3273E3-981C-4F41-B7C3-9586D2DDB606}"/>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B054D749-7282-4A1A-A3AE-FCEA23483CB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FAD20644-5B4D-4DCF-905C-ADF42E9EB48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209F7C97-D7C7-4B24-BA42-05A1577E875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DF1C9977-12F0-4A6D-80C6-EE308E12725D}"/>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A71F6A66-C058-4F2F-B290-FA1CC991F6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3DEC417F-7D71-4C5B-8085-B1583B2FCCC6}"/>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96A13EE1-EC22-4C01-B4AB-3EF6602FDFB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EFB4A714-9F67-4868-825D-66C4F537A5E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F19A226F-E078-4A46-A954-75FADD25402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56F7D21-1D93-4B57-ABFA-EE5584CBC7E6}"/>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8B48008C-A1AB-43F4-817D-5E481F7E933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565E5A64-245E-4A5F-89BD-4A608EAB3F9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4D5F9994-73C2-4C23-BA0B-7566D8BE916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BD448083-14BE-4295-B4A4-AED8235312B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77931D2B-536D-4DE6-AE4C-CB9EA4DE4C6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53E1ED11-19DD-4DE4-B566-1978E4E0FAF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CCE175F0-4184-4D43-8EF9-EA2D4C1192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0A3700C8-F53E-4767-B37F-AC04E744EBAC}"/>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0BEC1370-E4B6-4E47-8F9F-15D7D8FB2CF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4C25E3D8-02DA-44CC-A566-01AA84DC7AE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D30E4CAB-D224-4135-96E3-C41420C5FF8C}"/>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86971F1C-765A-4BE9-BB2E-62BD40EB7C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7027B79D-E0DD-4E78-BF9B-DF2A0C530F7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B7FD9411-38FE-4E5A-9662-49E94C7C02F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9BFDFBFF-FD42-440B-83A2-ED71871262A4}"/>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CAD5BB42-5CEB-4C55-8223-90413902CB0C}"/>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69C7B28D-51E4-4227-9093-C514D42A900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3BEADF39-E00B-498D-8CC9-1D5C22643B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110E6742-673F-4B41-964A-7CDD1E4E1D6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86471447-BD67-40A7-9F08-A43B4D8F8BD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4C0E595D-9D01-413C-9699-82CFF38A783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E50798B7-8A83-431E-9EF2-5D67851CA41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D43B84EE-C86E-4D3F-90D2-DFB5E1CCA1D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96EA00D-C888-4D50-B739-5199600A5DE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0045E86D-0114-4DFD-BC58-E46759227C9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464F7942-D723-4D2E-91EA-3AEF84D34459}"/>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C8E37BA9-454A-4082-B576-FC335CC3F86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B0BC0277-15E0-4AB3-BCCF-B6B586D4D83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8495ADBB-87DF-4E47-9C91-45D9C4AC8F45}"/>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B468B29C-7B96-4569-96EE-F47CF951513B}"/>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9A1CD764-7821-44EC-ADA1-C483C992546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B6FC9C5D-FC2A-46D7-A941-BF2C841A286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EF8BE20D-18E3-40D7-A5DA-108105F38AF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5EB5107-168F-4341-A51A-3E0EC2311F1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929BCB4-707F-4791-A475-B37763C376C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6325548-081C-48A0-A68E-5CA2A59148D7}"/>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A43B4339-3778-4A62-8434-905641533AE5}"/>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161EC9C5-7BA6-4B4E-859C-15F67506A917}"/>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BFFB0CDE-ABC5-4213-9CCB-29844DCD6D92}"/>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Layout" Target="../slideLayouts/slideLayout15.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xml"/><Relationship Id="rId1" Type="http://schemas.openxmlformats.org/officeDocument/2006/relationships/customXml" Target="../../customXml/item36.xml"/><Relationship Id="rId6" Type="http://schemas.openxmlformats.org/officeDocument/2006/relationships/image" Target="../media/image23.png"/><Relationship Id="rId5" Type="http://schemas.openxmlformats.org/officeDocument/2006/relationships/image" Target="../media/image22.png"/><Relationship Id="rId4" Type="http://schemas.openxmlformats.org/officeDocument/2006/relationships/image" Target="../media/image5.pn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7.xml"/><Relationship Id="rId7" Type="http://schemas.openxmlformats.org/officeDocument/2006/relationships/image" Target="../media/image25.png"/><Relationship Id="rId2" Type="http://schemas.openxmlformats.org/officeDocument/2006/relationships/customXml" Target="../../customXml/item32.xml"/><Relationship Id="rId1" Type="http://schemas.openxmlformats.org/officeDocument/2006/relationships/customXml" Target="../../customXml/item5.xml"/><Relationship Id="rId6" Type="http://schemas.openxmlformats.org/officeDocument/2006/relationships/image" Target="../media/image24.png"/><Relationship Id="rId5" Type="http://schemas.openxmlformats.org/officeDocument/2006/relationships/image" Target="../media/image5.png"/><Relationship Id="rId4" Type="http://schemas.openxmlformats.org/officeDocument/2006/relationships/notesSlide" Target="../notesSlides/notesSlide6.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7.xml"/><Relationship Id="rId7" Type="http://schemas.openxmlformats.org/officeDocument/2006/relationships/image" Target="../media/image28.png"/><Relationship Id="rId2" Type="http://schemas.openxmlformats.org/officeDocument/2006/relationships/customXml" Target="../../customXml/item21.xml"/><Relationship Id="rId1" Type="http://schemas.openxmlformats.org/officeDocument/2006/relationships/customXml" Target="../../customXml/item11.xml"/><Relationship Id="rId6" Type="http://schemas.openxmlformats.org/officeDocument/2006/relationships/image" Target="../media/image27.png"/><Relationship Id="rId5" Type="http://schemas.openxmlformats.org/officeDocument/2006/relationships/image" Target="../media/image26.png"/><Relationship Id="rId4" Type="http://schemas.openxmlformats.org/officeDocument/2006/relationships/image" Target="../media/image5.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30.xml"/><Relationship Id="rId1" Type="http://schemas.openxmlformats.org/officeDocument/2006/relationships/customXml" Target="../../customXml/item17.xml"/><Relationship Id="rId5" Type="http://schemas.openxmlformats.org/officeDocument/2006/relationships/image" Target="../media/image5.png"/><Relationship Id="rId4" Type="http://schemas.openxmlformats.org/officeDocument/2006/relationships/image" Target="../media/image6.png"/></Relationships>
</file>

<file path=ppt/slides/_rels/slide14.xml.rels><?xml version="1.0" encoding="UTF-8" standalone="yes"?>
<Relationships xmlns="http://schemas.openxmlformats.org/package/2006/relationships"><Relationship Id="rId8" Type="http://schemas.openxmlformats.org/officeDocument/2006/relationships/image" Target="../media/image33.png"/><Relationship Id="rId3" Type="http://schemas.openxmlformats.org/officeDocument/2006/relationships/slideLayout" Target="../slideLayouts/slideLayout9.xml"/><Relationship Id="rId7" Type="http://schemas.openxmlformats.org/officeDocument/2006/relationships/image" Target="../media/image32.png"/><Relationship Id="rId2" Type="http://schemas.openxmlformats.org/officeDocument/2006/relationships/customXml" Target="../../customXml/item34.xml"/><Relationship Id="rId1" Type="http://schemas.openxmlformats.org/officeDocument/2006/relationships/customXml" Target="../../customXml/item25.xml"/><Relationship Id="rId6" Type="http://schemas.openxmlformats.org/officeDocument/2006/relationships/image" Target="../media/image31.png"/><Relationship Id="rId5" Type="http://schemas.openxmlformats.org/officeDocument/2006/relationships/image" Target="../media/image30.png"/><Relationship Id="rId4" Type="http://schemas.openxmlformats.org/officeDocument/2006/relationships/image" Target="../media/image29.png"/><Relationship Id="rId9" Type="http://schemas.openxmlformats.org/officeDocument/2006/relationships/image" Target="../media/image5.png"/></Relationships>
</file>

<file path=ppt/slides/_rels/slide15.xml.rels><?xml version="1.0" encoding="UTF-8" standalone="yes"?>
<Relationships xmlns="http://schemas.openxmlformats.org/package/2006/relationships"><Relationship Id="rId8" Type="http://schemas.openxmlformats.org/officeDocument/2006/relationships/image" Target="../media/image37.png"/><Relationship Id="rId3" Type="http://schemas.openxmlformats.org/officeDocument/2006/relationships/slideLayout" Target="../slideLayouts/slideLayout7.xml"/><Relationship Id="rId7" Type="http://schemas.openxmlformats.org/officeDocument/2006/relationships/image" Target="../media/image36.png"/><Relationship Id="rId2" Type="http://schemas.openxmlformats.org/officeDocument/2006/relationships/customXml" Target="../../customXml/item19.xml"/><Relationship Id="rId1" Type="http://schemas.openxmlformats.org/officeDocument/2006/relationships/customXml" Target="../../customXml/item22.xml"/><Relationship Id="rId6" Type="http://schemas.openxmlformats.org/officeDocument/2006/relationships/image" Target="../media/image35.png"/><Relationship Id="rId5" Type="http://schemas.openxmlformats.org/officeDocument/2006/relationships/image" Target="../media/image5.png"/><Relationship Id="rId4" Type="http://schemas.openxmlformats.org/officeDocument/2006/relationships/image" Target="../media/image34.png"/><Relationship Id="rId9" Type="http://schemas.openxmlformats.org/officeDocument/2006/relationships/image" Target="../media/image38.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0.xml"/><Relationship Id="rId1" Type="http://schemas.openxmlformats.org/officeDocument/2006/relationships/customXml" Target="../../customXml/item9.xml"/><Relationship Id="rId4" Type="http://schemas.openxmlformats.org/officeDocument/2006/relationships/notesSlide" Target="../notesSlides/notesSlide7.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1.xml"/><Relationship Id="rId2" Type="http://schemas.openxmlformats.org/officeDocument/2006/relationships/customXml" Target="../../customXml/item39.xml"/><Relationship Id="rId1" Type="http://schemas.openxmlformats.org/officeDocument/2006/relationships/customXml" Target="../../customXml/item38.xml"/><Relationship Id="rId4" Type="http://schemas.openxmlformats.org/officeDocument/2006/relationships/image" Target="../media/image39.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5.xml"/><Relationship Id="rId1" Type="http://schemas.openxmlformats.org/officeDocument/2006/relationships/customXml" Target="../../customXml/item24.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3.xml"/><Relationship Id="rId1" Type="http://schemas.openxmlformats.org/officeDocument/2006/relationships/customXml" Target="../../customXml/item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6.xml"/><Relationship Id="rId1" Type="http://schemas.openxmlformats.org/officeDocument/2006/relationships/customXml" Target="../../customXml/item6.xml"/><Relationship Id="rId6" Type="http://schemas.openxmlformats.org/officeDocument/2006/relationships/image" Target="../media/image5.png"/><Relationship Id="rId5" Type="http://schemas.openxmlformats.org/officeDocument/2006/relationships/image" Target="../media/image4.jpeg"/><Relationship Id="rId4" Type="http://schemas.openxmlformats.org/officeDocument/2006/relationships/notesSlide" Target="../notesSlides/notesSlide1.xml"/></Relationships>
</file>

<file path=ppt/slides/_rels/slide20.xml.rels><?xml version="1.0" encoding="UTF-8" standalone="yes"?>
<Relationships xmlns="http://schemas.openxmlformats.org/package/2006/relationships"><Relationship Id="rId2" Type="http://schemas.openxmlformats.org/officeDocument/2006/relationships/image" Target="../media/image40.png"/><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8.xml"/><Relationship Id="rId1" Type="http://schemas.openxmlformats.org/officeDocument/2006/relationships/customXml" Target="../../customXml/item14.xml"/><Relationship Id="rId5" Type="http://schemas.openxmlformats.org/officeDocument/2006/relationships/image" Target="../media/image6.png"/><Relationship Id="rId4" Type="http://schemas.openxmlformats.org/officeDocument/2006/relationships/image" Target="../media/image5.png"/></Relationships>
</file>

<file path=ppt/slides/_rels/slide4.xml.rels><?xml version="1.0" encoding="UTF-8" standalone="yes"?>
<Relationships xmlns="http://schemas.openxmlformats.org/package/2006/relationships"><Relationship Id="rId8" Type="http://schemas.openxmlformats.org/officeDocument/2006/relationships/image" Target="../media/image8.png"/><Relationship Id="rId13" Type="http://schemas.openxmlformats.org/officeDocument/2006/relationships/image" Target="../media/image12.png"/><Relationship Id="rId3" Type="http://schemas.openxmlformats.org/officeDocument/2006/relationships/tags" Target="../tags/tag371.xml"/><Relationship Id="rId7" Type="http://schemas.openxmlformats.org/officeDocument/2006/relationships/image" Target="../media/image7.jpeg"/><Relationship Id="rId12" Type="http://schemas.openxmlformats.org/officeDocument/2006/relationships/image" Target="../media/image11.png"/><Relationship Id="rId2" Type="http://schemas.openxmlformats.org/officeDocument/2006/relationships/customXml" Target="../../customXml/item15.xml"/><Relationship Id="rId1" Type="http://schemas.openxmlformats.org/officeDocument/2006/relationships/customXml" Target="../../customXml/item29.xml"/><Relationship Id="rId6" Type="http://schemas.openxmlformats.org/officeDocument/2006/relationships/notesSlide" Target="../notesSlides/notesSlide2.xml"/><Relationship Id="rId11" Type="http://schemas.openxmlformats.org/officeDocument/2006/relationships/image" Target="../media/image5.png"/><Relationship Id="rId5" Type="http://schemas.openxmlformats.org/officeDocument/2006/relationships/slideLayout" Target="../slideLayouts/slideLayout7.xml"/><Relationship Id="rId15" Type="http://schemas.openxmlformats.org/officeDocument/2006/relationships/image" Target="../media/image14.jpeg"/><Relationship Id="rId10" Type="http://schemas.openxmlformats.org/officeDocument/2006/relationships/image" Target="../media/image10.png"/><Relationship Id="rId4" Type="http://schemas.openxmlformats.org/officeDocument/2006/relationships/tags" Target="../tags/tag372.xml"/><Relationship Id="rId9" Type="http://schemas.openxmlformats.org/officeDocument/2006/relationships/image" Target="../media/image9.jpeg"/><Relationship Id="rId14" Type="http://schemas.openxmlformats.org/officeDocument/2006/relationships/image" Target="../media/image13.png"/></Relationships>
</file>

<file path=ppt/slides/_rels/slide5.xml.rels><?xml version="1.0" encoding="UTF-8" standalone="yes"?>
<Relationships xmlns="http://schemas.openxmlformats.org/package/2006/relationships"><Relationship Id="rId3" Type="http://schemas.openxmlformats.org/officeDocument/2006/relationships/image" Target="../media/image15.png"/><Relationship Id="rId7" Type="http://schemas.openxmlformats.org/officeDocument/2006/relationships/image" Target="../media/image5.png"/><Relationship Id="rId2" Type="http://schemas.openxmlformats.org/officeDocument/2006/relationships/notesSlide" Target="../notesSlides/notesSlide3.xml"/><Relationship Id="rId1" Type="http://schemas.openxmlformats.org/officeDocument/2006/relationships/slideLayout" Target="../slideLayouts/slideLayout7.xml"/><Relationship Id="rId6" Type="http://schemas.openxmlformats.org/officeDocument/2006/relationships/image" Target="../media/image18.png"/><Relationship Id="rId5" Type="http://schemas.openxmlformats.org/officeDocument/2006/relationships/image" Target="../media/image17.jpeg"/><Relationship Id="rId4" Type="http://schemas.openxmlformats.org/officeDocument/2006/relationships/image" Target="../media/image16.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6.xml"/><Relationship Id="rId1" Type="http://schemas.openxmlformats.org/officeDocument/2006/relationships/customXml" Target="../../customXml/item12.xml"/><Relationship Id="rId6" Type="http://schemas.openxmlformats.org/officeDocument/2006/relationships/image" Target="../media/image19.png"/><Relationship Id="rId5" Type="http://schemas.openxmlformats.org/officeDocument/2006/relationships/image" Target="../media/image5.png"/><Relationship Id="rId4" Type="http://schemas.openxmlformats.org/officeDocument/2006/relationships/notesSlide" Target="../notesSlides/notesSlide4.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4.xml"/><Relationship Id="rId1" Type="http://schemas.openxmlformats.org/officeDocument/2006/relationships/customXml" Target="../../customXml/item7.xml"/><Relationship Id="rId5" Type="http://schemas.openxmlformats.org/officeDocument/2006/relationships/image" Target="../media/image5.png"/><Relationship Id="rId4" Type="http://schemas.openxmlformats.org/officeDocument/2006/relationships/image" Target="../media/image20.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8.xml"/><Relationship Id="rId1" Type="http://schemas.openxmlformats.org/officeDocument/2006/relationships/customXml" Target="../../customXml/item20.xml"/><Relationship Id="rId5" Type="http://schemas.openxmlformats.org/officeDocument/2006/relationships/image" Target="../media/image5.png"/><Relationship Id="rId4" Type="http://schemas.openxmlformats.org/officeDocument/2006/relationships/notesSlide" Target="../notesSlides/notesSlide5.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3.xml"/><Relationship Id="rId1" Type="http://schemas.openxmlformats.org/officeDocument/2006/relationships/customXml" Target="../../customXml/item31.xml"/><Relationship Id="rId5" Type="http://schemas.openxmlformats.org/officeDocument/2006/relationships/image" Target="../media/image21.png"/><Relationship Id="rId4" Type="http://schemas.openxmlformats.org/officeDocument/2006/relationships/image" Target="../media/image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3E3B3F6C-EE8C-DEB5-736A-3FD39702D7DB}"/>
              </a:ext>
            </a:extLst>
          </p:cNvPr>
          <p:cNvPicPr>
            <a:picLocks noChangeAspect="1"/>
          </p:cNvPicPr>
          <p:nvPr/>
        </p:nvPicPr>
        <p:blipFill>
          <a:blip r:embed="rId2"/>
          <a:stretch>
            <a:fillRect/>
          </a:stretch>
        </p:blipFill>
        <p:spPr>
          <a:xfrm>
            <a:off x="3554412" y="0"/>
            <a:ext cx="5086350" cy="6858000"/>
          </a:xfrm>
          <a:prstGeom prst="rect">
            <a:avLst/>
          </a:prstGeom>
        </p:spPr>
      </p:pic>
    </p:spTree>
    <p:extLst>
      <p:ext uri="{BB962C8B-B14F-4D97-AF65-F5344CB8AC3E}">
        <p14:creationId xmlns:p14="http://schemas.microsoft.com/office/powerpoint/2010/main" val="166609060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4001" y="504000"/>
            <a:ext cx="11186476" cy="369332"/>
          </a:xfrm>
        </p:spPr>
        <p:txBody>
          <a:bodyPr/>
          <a:lstStyle/>
          <a:p>
            <a:r>
              <a:rPr lang="en-US"/>
              <a:t>Model - </a:t>
            </a:r>
            <a:r>
              <a:rPr lang="en-US">
                <a:solidFill>
                  <a:schemeClr val="accent1"/>
                </a:solidFill>
              </a:rPr>
              <a:t>Implementation</a:t>
            </a:r>
          </a:p>
        </p:txBody>
      </p:sp>
      <p:sp>
        <p:nvSpPr>
          <p:cNvPr id="2" name="Text Placeholder 1">
            <a:extLst>
              <a:ext uri="{FF2B5EF4-FFF2-40B4-BE49-F238E27FC236}">
                <a16:creationId xmlns:a16="http://schemas.microsoft.com/office/drawing/2014/main" id="{E38E81FA-BD36-D246-A0BA-94256E3D831A}"/>
              </a:ext>
            </a:extLst>
          </p:cNvPr>
          <p:cNvSpPr>
            <a:spLocks noGrp="1"/>
          </p:cNvSpPr>
          <p:nvPr>
            <p:ph type="body" sz="quarter" idx="10"/>
          </p:nvPr>
        </p:nvSpPr>
        <p:spPr>
          <a:xfrm>
            <a:off x="504001" y="1386116"/>
            <a:ext cx="3464481" cy="4716000"/>
          </a:xfrm>
        </p:spPr>
        <p:txBody>
          <a:bodyPr>
            <a:normAutofit/>
          </a:bodyPr>
          <a:lstStyle/>
          <a:p>
            <a:r>
              <a:rPr lang="en-US" b="1"/>
              <a:t>Augmentation Layer</a:t>
            </a:r>
          </a:p>
          <a:p>
            <a:pPr marL="342900" indent="-342900">
              <a:buFont typeface="Arial" panose="020B0604020202020204" pitchFamily="34" charset="0"/>
              <a:buChar char="•"/>
            </a:pPr>
            <a:r>
              <a:rPr lang="en-US"/>
              <a:t>Rotation, Flipping, Zoom</a:t>
            </a:r>
          </a:p>
          <a:p>
            <a:pPr marL="342900" indent="-342900">
              <a:buFont typeface="Arial" panose="020B0604020202020204" pitchFamily="34" charset="0"/>
              <a:buChar char="•"/>
            </a:pPr>
            <a:r>
              <a:rPr lang="en-US"/>
              <a:t>Translation, Contrast</a:t>
            </a:r>
          </a:p>
          <a:p>
            <a:r>
              <a:rPr lang="en-US" b="1"/>
              <a:t>EfficientNetB3</a:t>
            </a:r>
          </a:p>
          <a:p>
            <a:pPr marL="342900" indent="-342900">
              <a:buFont typeface="Arial" panose="020B0604020202020204" pitchFamily="34" charset="0"/>
              <a:buChar char="•"/>
            </a:pPr>
            <a:r>
              <a:rPr lang="en-US"/>
              <a:t>Not trainable</a:t>
            </a:r>
          </a:p>
          <a:p>
            <a:r>
              <a:rPr lang="en-US" b="1"/>
              <a:t>Classification Layer</a:t>
            </a:r>
          </a:p>
          <a:p>
            <a:pPr marL="342900" indent="-342900">
              <a:buFont typeface="Arial" panose="020B0604020202020204" pitchFamily="34" charset="0"/>
              <a:buChar char="•"/>
            </a:pPr>
            <a:r>
              <a:rPr lang="en-US"/>
              <a:t>Image size  </a:t>
            </a:r>
            <a:r>
              <a:rPr lang="en-US">
                <a:latin typeface="Assistant" pitchFamily="2" charset="-79"/>
                <a:cs typeface="Assistant" pitchFamily="2" charset="-79"/>
              </a:rPr>
              <a:t>▲</a:t>
            </a:r>
          </a:p>
          <a:p>
            <a:pPr marL="342900" indent="-342900">
              <a:buFont typeface="Arial" panose="020B0604020202020204" pitchFamily="34" charset="0"/>
              <a:buChar char="•"/>
            </a:pPr>
            <a:r>
              <a:rPr lang="en-US">
                <a:latin typeface="+mj-lt"/>
                <a:cs typeface="Assistant" pitchFamily="2" charset="-79"/>
              </a:rPr>
              <a:t>Number of classes </a:t>
            </a:r>
            <a:r>
              <a:rPr lang="en-US">
                <a:latin typeface="Assistant" pitchFamily="2" charset="-79"/>
                <a:cs typeface="Assistant" pitchFamily="2" charset="-79"/>
              </a:rPr>
              <a:t>▲</a:t>
            </a:r>
          </a:p>
          <a:p>
            <a:pPr marL="342900" indent="-342900">
              <a:buFont typeface="Wingdings" panose="05000000000000000000" pitchFamily="2" charset="2"/>
              <a:buChar char="Ø"/>
            </a:pPr>
            <a:r>
              <a:rPr lang="en-US"/>
              <a:t>Number of Neurons </a:t>
            </a:r>
            <a:r>
              <a:rPr lang="en-US">
                <a:latin typeface="Assistant" pitchFamily="2" charset="-79"/>
                <a:cs typeface="Assistant" pitchFamily="2" charset="-79"/>
              </a:rPr>
              <a:t>▲</a:t>
            </a:r>
          </a:p>
        </p:txBody>
      </p:sp>
      <p:pic>
        <p:nvPicPr>
          <p:cNvPr id="9" name="Picture 8">
            <a:extLst>
              <a:ext uri="{FF2B5EF4-FFF2-40B4-BE49-F238E27FC236}">
                <a16:creationId xmlns:a16="http://schemas.microsoft.com/office/drawing/2014/main" id="{C9E6574A-D5C3-B421-3B56-DB3AF6CA42DC}"/>
              </a:ext>
            </a:extLst>
          </p:cNvPr>
          <p:cNvPicPr>
            <a:picLocks noChangeAspect="1"/>
          </p:cNvPicPr>
          <p:nvPr/>
        </p:nvPicPr>
        <p:blipFill>
          <a:blip r:embed="rId4"/>
          <a:stretch>
            <a:fillRect/>
          </a:stretch>
        </p:blipFill>
        <p:spPr>
          <a:xfrm>
            <a:off x="11293151" y="-9748"/>
            <a:ext cx="980725" cy="980725"/>
          </a:xfrm>
          <a:prstGeom prst="rect">
            <a:avLst/>
          </a:prstGeom>
        </p:spPr>
      </p:pic>
      <p:pic>
        <p:nvPicPr>
          <p:cNvPr id="4" name="Picture 3">
            <a:extLst>
              <a:ext uri="{FF2B5EF4-FFF2-40B4-BE49-F238E27FC236}">
                <a16:creationId xmlns:a16="http://schemas.microsoft.com/office/drawing/2014/main" id="{4DED5441-1F50-AF4E-CD80-F6C501160E64}"/>
              </a:ext>
            </a:extLst>
          </p:cNvPr>
          <p:cNvPicPr>
            <a:picLocks noChangeAspect="1"/>
          </p:cNvPicPr>
          <p:nvPr/>
        </p:nvPicPr>
        <p:blipFill>
          <a:blip r:embed="rId5"/>
          <a:stretch>
            <a:fillRect/>
          </a:stretch>
        </p:blipFill>
        <p:spPr>
          <a:xfrm>
            <a:off x="3968483" y="1632857"/>
            <a:ext cx="3914108" cy="3363687"/>
          </a:xfrm>
          <a:prstGeom prst="rect">
            <a:avLst/>
          </a:prstGeom>
          <a:effectLst>
            <a:outerShdw blurRad="50800" dist="38100" dir="5400000" algn="t" rotWithShape="0">
              <a:prstClr val="black">
                <a:alpha val="40000"/>
              </a:prstClr>
            </a:outerShdw>
          </a:effectLst>
        </p:spPr>
      </p:pic>
      <p:pic>
        <p:nvPicPr>
          <p:cNvPr id="11" name="Picture 10">
            <a:extLst>
              <a:ext uri="{FF2B5EF4-FFF2-40B4-BE49-F238E27FC236}">
                <a16:creationId xmlns:a16="http://schemas.microsoft.com/office/drawing/2014/main" id="{803A827D-C7A1-EB28-F5FB-46DA0C63A3EE}"/>
              </a:ext>
            </a:extLst>
          </p:cNvPr>
          <p:cNvPicPr>
            <a:picLocks noChangeAspect="1"/>
          </p:cNvPicPr>
          <p:nvPr/>
        </p:nvPicPr>
        <p:blipFill>
          <a:blip r:embed="rId6"/>
          <a:stretch>
            <a:fillRect/>
          </a:stretch>
        </p:blipFill>
        <p:spPr>
          <a:xfrm>
            <a:off x="8084616" y="1271816"/>
            <a:ext cx="4108467" cy="4172662"/>
          </a:xfrm>
          <a:prstGeom prst="rect">
            <a:avLst/>
          </a:prstGeom>
          <a:effectLst>
            <a:outerShdw blurRad="50800" dist="38100" dir="5400000" algn="t"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255199757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p:txBody>
          <a:bodyPr/>
          <a:lstStyle/>
          <a:p>
            <a:r>
              <a:rPr lang="en-US"/>
              <a:t>Evaluation - </a:t>
            </a:r>
            <a:r>
              <a:rPr lang="en-US">
                <a:solidFill>
                  <a:schemeClr val="accent1"/>
                </a:solidFill>
              </a:rPr>
              <a:t>Performance</a:t>
            </a:r>
          </a:p>
        </p:txBody>
      </p:sp>
      <p:pic>
        <p:nvPicPr>
          <p:cNvPr id="6" name="Picture 5">
            <a:extLst>
              <a:ext uri="{FF2B5EF4-FFF2-40B4-BE49-F238E27FC236}">
                <a16:creationId xmlns:a16="http://schemas.microsoft.com/office/drawing/2014/main" id="{C9E296AA-65C0-D3F9-C9F0-EFE227104C6A}"/>
              </a:ext>
            </a:extLst>
          </p:cNvPr>
          <p:cNvPicPr>
            <a:picLocks noChangeAspect="1"/>
          </p:cNvPicPr>
          <p:nvPr/>
        </p:nvPicPr>
        <p:blipFill>
          <a:blip r:embed="rId5"/>
          <a:stretch>
            <a:fillRect/>
          </a:stretch>
        </p:blipFill>
        <p:spPr>
          <a:xfrm>
            <a:off x="11293151" y="-9748"/>
            <a:ext cx="980725" cy="980725"/>
          </a:xfrm>
          <a:prstGeom prst="rect">
            <a:avLst/>
          </a:prstGeom>
        </p:spPr>
      </p:pic>
      <p:grpSp>
        <p:nvGrpSpPr>
          <p:cNvPr id="30" name="Group 29">
            <a:extLst>
              <a:ext uri="{FF2B5EF4-FFF2-40B4-BE49-F238E27FC236}">
                <a16:creationId xmlns:a16="http://schemas.microsoft.com/office/drawing/2014/main" id="{139CB3C3-8A19-DFE6-B0C0-47B7CDE92181}"/>
              </a:ext>
            </a:extLst>
          </p:cNvPr>
          <p:cNvGrpSpPr/>
          <p:nvPr/>
        </p:nvGrpSpPr>
        <p:grpSpPr>
          <a:xfrm>
            <a:off x="1116844" y="1034416"/>
            <a:ext cx="4904015" cy="5475514"/>
            <a:chOff x="1355271" y="1034416"/>
            <a:chExt cx="4904015" cy="5475514"/>
          </a:xfrm>
        </p:grpSpPr>
        <p:pic>
          <p:nvPicPr>
            <p:cNvPr id="9" name="Picture 8">
              <a:extLst>
                <a:ext uri="{FF2B5EF4-FFF2-40B4-BE49-F238E27FC236}">
                  <a16:creationId xmlns:a16="http://schemas.microsoft.com/office/drawing/2014/main" id="{45B5A0C5-C26F-E3D6-A649-25D80649796B}"/>
                </a:ext>
              </a:extLst>
            </p:cNvPr>
            <p:cNvPicPr>
              <a:picLocks noChangeAspect="1"/>
            </p:cNvPicPr>
            <p:nvPr/>
          </p:nvPicPr>
          <p:blipFill>
            <a:blip r:embed="rId6"/>
            <a:stretch>
              <a:fillRect/>
            </a:stretch>
          </p:blipFill>
          <p:spPr>
            <a:xfrm>
              <a:off x="1806707" y="3618801"/>
              <a:ext cx="4001142" cy="1800000"/>
            </a:xfrm>
            <a:prstGeom prst="rect">
              <a:avLst/>
            </a:prstGeom>
            <a:effectLst>
              <a:outerShdw blurRad="50800" dist="38100" dir="5400000" algn="t" rotWithShape="0">
                <a:prstClr val="black">
                  <a:alpha val="40000"/>
                </a:prstClr>
              </a:outerShdw>
            </a:effectLst>
          </p:spPr>
        </p:pic>
        <p:sp>
          <p:nvSpPr>
            <p:cNvPr id="10" name="Rectangle: Rounded Corners 9">
              <a:extLst>
                <a:ext uri="{FF2B5EF4-FFF2-40B4-BE49-F238E27FC236}">
                  <a16:creationId xmlns:a16="http://schemas.microsoft.com/office/drawing/2014/main" id="{83AF3490-C1B8-B26B-7B8D-F5943023930D}"/>
                </a:ext>
              </a:extLst>
            </p:cNvPr>
            <p:cNvSpPr/>
            <p:nvPr/>
          </p:nvSpPr>
          <p:spPr bwMode="gray">
            <a:xfrm>
              <a:off x="1989278" y="2921658"/>
              <a:ext cx="3636000" cy="540000"/>
            </a:xfrm>
            <a:prstGeom prst="roundRect">
              <a:avLst/>
            </a:prstGeom>
            <a:solidFill>
              <a:schemeClr val="accent3">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a:ln>
                    <a:noFill/>
                  </a:ln>
                  <a:effectLst/>
                  <a:uLnTx/>
                  <a:uFillTx/>
                  <a:ea typeface="Arial Unicode MS" pitchFamily="34" charset="-128"/>
                  <a:cs typeface="Arial Unicode MS" pitchFamily="34" charset="-128"/>
                </a:rPr>
                <a:t>Performance across all sets</a:t>
              </a:r>
            </a:p>
          </p:txBody>
        </p:sp>
        <p:pic>
          <p:nvPicPr>
            <p:cNvPr id="12" name="Picture 11">
              <a:extLst>
                <a:ext uri="{FF2B5EF4-FFF2-40B4-BE49-F238E27FC236}">
                  <a16:creationId xmlns:a16="http://schemas.microsoft.com/office/drawing/2014/main" id="{BF579EEC-D255-5C6F-78B6-9BC8248232D1}"/>
                </a:ext>
              </a:extLst>
            </p:cNvPr>
            <p:cNvPicPr>
              <a:picLocks noChangeAspect="1"/>
            </p:cNvPicPr>
            <p:nvPr/>
          </p:nvPicPr>
          <p:blipFill>
            <a:blip r:embed="rId7"/>
            <a:stretch>
              <a:fillRect/>
            </a:stretch>
          </p:blipFill>
          <p:spPr>
            <a:xfrm>
              <a:off x="1875739" y="1324515"/>
              <a:ext cx="3863078" cy="1440000"/>
            </a:xfrm>
            <a:prstGeom prst="rect">
              <a:avLst/>
            </a:prstGeom>
            <a:effectLst>
              <a:outerShdw blurRad="50800" dist="38100" dir="5400000" algn="t" rotWithShape="0">
                <a:prstClr val="black">
                  <a:alpha val="40000"/>
                </a:prstClr>
              </a:outerShdw>
            </a:effectLst>
          </p:spPr>
        </p:pic>
        <p:sp>
          <p:nvSpPr>
            <p:cNvPr id="19" name="Rectangle: Rounded Corners 18">
              <a:extLst>
                <a:ext uri="{FF2B5EF4-FFF2-40B4-BE49-F238E27FC236}">
                  <a16:creationId xmlns:a16="http://schemas.microsoft.com/office/drawing/2014/main" id="{046CF225-DAD3-3E5F-87C9-0ACB49663149}"/>
                </a:ext>
              </a:extLst>
            </p:cNvPr>
            <p:cNvSpPr/>
            <p:nvPr/>
          </p:nvSpPr>
          <p:spPr bwMode="gray">
            <a:xfrm>
              <a:off x="1989278" y="5575944"/>
              <a:ext cx="3636000" cy="540000"/>
            </a:xfrm>
            <a:prstGeom prst="roundRect">
              <a:avLst/>
            </a:prstGeom>
            <a:solidFill>
              <a:schemeClr val="accent3">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1" i="0" u="none" strike="noStrike" kern="0" cap="none" spc="0" normalizeH="0" baseline="0" noProof="0">
                  <a:ln>
                    <a:noFill/>
                  </a:ln>
                  <a:effectLst/>
                  <a:uLnTx/>
                  <a:uFillTx/>
                  <a:ea typeface="Arial Unicode MS" pitchFamily="34" charset="-128"/>
                  <a:cs typeface="Arial Unicode MS" pitchFamily="34" charset="-128"/>
                </a:rPr>
                <a:t>Classification Report Summary</a:t>
              </a:r>
            </a:p>
          </p:txBody>
        </p:sp>
        <p:sp>
          <p:nvSpPr>
            <p:cNvPr id="20" name="Rectangle: Rounded Corners 19">
              <a:extLst>
                <a:ext uri="{FF2B5EF4-FFF2-40B4-BE49-F238E27FC236}">
                  <a16:creationId xmlns:a16="http://schemas.microsoft.com/office/drawing/2014/main" id="{807CA5F8-B482-6D46-1B99-95CBE3412A1F}"/>
                </a:ext>
              </a:extLst>
            </p:cNvPr>
            <p:cNvSpPr/>
            <p:nvPr/>
          </p:nvSpPr>
          <p:spPr bwMode="gray">
            <a:xfrm>
              <a:off x="1355271" y="1034416"/>
              <a:ext cx="4904015" cy="5475514"/>
            </a:xfrm>
            <a:prstGeom prst="roundRect">
              <a:avLst/>
            </a:prstGeom>
            <a:noFill/>
            <a:ln w="57150" algn="ctr">
              <a:solidFill>
                <a:schemeClr val="accent1"/>
              </a:solidFill>
              <a:prstDash val="dash"/>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grpSp>
        <p:nvGrpSpPr>
          <p:cNvPr id="31" name="Group 30">
            <a:extLst>
              <a:ext uri="{FF2B5EF4-FFF2-40B4-BE49-F238E27FC236}">
                <a16:creationId xmlns:a16="http://schemas.microsoft.com/office/drawing/2014/main" id="{79B87B71-AFEF-8342-29E9-CD8B8AF20F0E}"/>
              </a:ext>
            </a:extLst>
          </p:cNvPr>
          <p:cNvGrpSpPr/>
          <p:nvPr/>
        </p:nvGrpSpPr>
        <p:grpSpPr>
          <a:xfrm>
            <a:off x="7137703" y="1040821"/>
            <a:ext cx="3940629" cy="5392637"/>
            <a:chOff x="6585857" y="1040821"/>
            <a:chExt cx="3940629" cy="5392637"/>
          </a:xfrm>
        </p:grpSpPr>
        <p:grpSp>
          <p:nvGrpSpPr>
            <p:cNvPr id="25" name="Group 24">
              <a:extLst>
                <a:ext uri="{FF2B5EF4-FFF2-40B4-BE49-F238E27FC236}">
                  <a16:creationId xmlns:a16="http://schemas.microsoft.com/office/drawing/2014/main" id="{8973A038-546D-E7C6-77E7-5FD24E6B5C7C}"/>
                </a:ext>
              </a:extLst>
            </p:cNvPr>
            <p:cNvGrpSpPr/>
            <p:nvPr/>
          </p:nvGrpSpPr>
          <p:grpSpPr>
            <a:xfrm>
              <a:off x="6585857" y="1040821"/>
              <a:ext cx="3940629" cy="4398856"/>
              <a:chOff x="6749752" y="1013606"/>
              <a:chExt cx="3569684" cy="4398856"/>
            </a:xfrm>
          </p:grpSpPr>
          <p:sp>
            <p:nvSpPr>
              <p:cNvPr id="2" name="Rectangle: Rounded Corners 1">
                <a:extLst>
                  <a:ext uri="{FF2B5EF4-FFF2-40B4-BE49-F238E27FC236}">
                    <a16:creationId xmlns:a16="http://schemas.microsoft.com/office/drawing/2014/main" id="{84EE5291-DA09-91CD-EF18-6481F9008FF3}"/>
                  </a:ext>
                </a:extLst>
              </p:cNvPr>
              <p:cNvSpPr/>
              <p:nvPr/>
            </p:nvSpPr>
            <p:spPr bwMode="gray">
              <a:xfrm>
                <a:off x="6749752" y="2143891"/>
                <a:ext cx="3569684" cy="1008000"/>
              </a:xfrm>
              <a:prstGeom prst="roundRect">
                <a:avLst/>
              </a:prstGeom>
              <a:solidFill>
                <a:schemeClr val="accent4">
                  <a:lumMod val="60000"/>
                  <a:lumOff val="40000"/>
                </a:schemeClr>
              </a:solidFill>
              <a:ln w="25400" algn="ctr">
                <a:solidFill>
                  <a:schemeClr val="tx1"/>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kumimoji="0" lang="en-US" sz="1600" b="1" i="0" u="none" strike="noStrike" kern="0" cap="none" spc="0" normalizeH="0" baseline="0" noProof="0">
                    <a:ln>
                      <a:noFill/>
                    </a:ln>
                    <a:effectLst/>
                    <a:uLnTx/>
                    <a:uFillTx/>
                    <a:ea typeface="Arial Unicode MS" pitchFamily="34" charset="-128"/>
                    <a:cs typeface="Arial Unicode MS" pitchFamily="34" charset="-128"/>
                  </a:rPr>
                  <a:t>Good predicted </a:t>
                </a:r>
                <a:r>
                  <a:rPr lang="en-US" sz="1600" b="1" kern="0">
                    <a:ea typeface="Arial Unicode MS" pitchFamily="34" charset="-128"/>
                    <a:cs typeface="Arial Unicode MS" pitchFamily="34" charset="-128"/>
                  </a:rPr>
                  <a:t>c</a:t>
                </a:r>
                <a:r>
                  <a:rPr kumimoji="0" lang="en-US" sz="1600" b="1" i="0" u="none" strike="noStrike" kern="0" cap="none" spc="0" normalizeH="0" baseline="0" noProof="0">
                    <a:ln>
                      <a:noFill/>
                    </a:ln>
                    <a:effectLst/>
                    <a:uLnTx/>
                    <a:uFillTx/>
                    <a:ea typeface="Arial Unicode MS" pitchFamily="34" charset="-128"/>
                    <a:cs typeface="Arial Unicode MS" pitchFamily="34" charset="-128"/>
                  </a:rPr>
                  <a:t>lasses</a:t>
                </a:r>
              </a:p>
              <a:p>
                <a:pPr algn="ctr" defTabSz="914400" fontAlgn="base">
                  <a:spcBef>
                    <a:spcPct val="50000"/>
                  </a:spcBef>
                  <a:spcAft>
                    <a:spcPct val="0"/>
                  </a:spcAft>
                  <a:buClr>
                    <a:srgbClr val="F0AB00"/>
                  </a:buClr>
                  <a:buSzPct val="80000"/>
                </a:pPr>
                <a:r>
                  <a:rPr kumimoji="0" lang="en-US" sz="1600" i="0" u="none" strike="noStrike" kern="0" cap="none" spc="0" normalizeH="0" baseline="0" noProof="0">
                    <a:ln>
                      <a:noFill/>
                    </a:ln>
                    <a:effectLst/>
                    <a:uLnTx/>
                    <a:uFillTx/>
                    <a:ea typeface="Arial Unicode MS" pitchFamily="34" charset="-128"/>
                    <a:cs typeface="Arial Unicode MS" pitchFamily="34" charset="-128"/>
                  </a:rPr>
                  <a:t>Pre</a:t>
                </a:r>
                <a:r>
                  <a:rPr lang="en-US" sz="1600" kern="0" err="1">
                    <a:ea typeface="Arial Unicode MS" pitchFamily="34" charset="-128"/>
                    <a:cs typeface="Arial Unicode MS" pitchFamily="34" charset="-128"/>
                  </a:rPr>
                  <a:t>cision</a:t>
                </a:r>
                <a:r>
                  <a:rPr lang="en-US" sz="1600" kern="0">
                    <a:ea typeface="Arial Unicode MS" pitchFamily="34" charset="-128"/>
                    <a:cs typeface="Arial Unicode MS" pitchFamily="34" charset="-128"/>
                  </a:rPr>
                  <a:t> &gt;= 0.75</a:t>
                </a:r>
                <a:endParaRPr kumimoji="0" lang="en-US" sz="1600" b="1" i="0" u="none" strike="noStrike" kern="0" cap="none" spc="0" normalizeH="0" baseline="0" noProof="0">
                  <a:ln>
                    <a:noFill/>
                  </a:ln>
                  <a:effectLst/>
                  <a:uLnTx/>
                  <a:uFillTx/>
                  <a:ea typeface="Arial Unicode MS" pitchFamily="34" charset="-128"/>
                  <a:cs typeface="Arial Unicode MS" pitchFamily="34" charset="-128"/>
                </a:endParaRPr>
              </a:p>
              <a:p>
                <a:pPr marR="0" algn="ctr" defTabSz="914400" eaLnBrk="1" fontAlgn="base" latinLnBrk="0" hangingPunct="1">
                  <a:lnSpc>
                    <a:spcPct val="100000"/>
                  </a:lnSpc>
                  <a:spcBef>
                    <a:spcPct val="50000"/>
                  </a:spcBef>
                  <a:spcAft>
                    <a:spcPct val="0"/>
                  </a:spcAft>
                  <a:buClr>
                    <a:srgbClr val="F0AB00"/>
                  </a:buClr>
                  <a:buSzPct val="80000"/>
                  <a:tabLst/>
                </a:pPr>
                <a:r>
                  <a:rPr lang="en-US" sz="1600" kern="0">
                    <a:ea typeface="Arial Unicode MS" pitchFamily="34" charset="-128"/>
                    <a:cs typeface="Arial Unicode MS" pitchFamily="34" charset="-128"/>
                  </a:rPr>
                  <a:t>408 of 525 classes</a:t>
                </a:r>
                <a:endParaRPr kumimoji="0" lang="en-US" sz="1600" i="0" u="none" strike="noStrike" kern="0" cap="none" spc="0" normalizeH="0" baseline="0" noProof="0">
                  <a:ln>
                    <a:noFill/>
                  </a:ln>
                  <a:effectLst/>
                  <a:uLnTx/>
                  <a:uFillTx/>
                  <a:ea typeface="Arial Unicode MS" pitchFamily="34" charset="-128"/>
                  <a:cs typeface="Arial Unicode MS" pitchFamily="34" charset="-128"/>
                </a:endParaRPr>
              </a:p>
            </p:txBody>
          </p:sp>
          <p:sp>
            <p:nvSpPr>
              <p:cNvPr id="13" name="Rectangle: Rounded Corners 12">
                <a:extLst>
                  <a:ext uri="{FF2B5EF4-FFF2-40B4-BE49-F238E27FC236}">
                    <a16:creationId xmlns:a16="http://schemas.microsoft.com/office/drawing/2014/main" id="{B0A00CB4-29AB-EE2A-6033-2CF9228BAB45}"/>
                  </a:ext>
                </a:extLst>
              </p:cNvPr>
              <p:cNvSpPr/>
              <p:nvPr/>
            </p:nvSpPr>
            <p:spPr bwMode="gray">
              <a:xfrm>
                <a:off x="6749752" y="3274176"/>
                <a:ext cx="3569684" cy="1008000"/>
              </a:xfrm>
              <a:prstGeom prst="roundRect">
                <a:avLst/>
              </a:prstGeom>
              <a:solidFill>
                <a:schemeClr val="accent1">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a:ln>
                      <a:noFill/>
                    </a:ln>
                    <a:effectLst/>
                    <a:uLnTx/>
                    <a:uFillTx/>
                    <a:ea typeface="Arial Unicode MS" pitchFamily="34" charset="-128"/>
                    <a:cs typeface="Arial Unicode MS" pitchFamily="34" charset="-128"/>
                  </a:rPr>
                  <a:t>Medium predicted </a:t>
                </a:r>
                <a:r>
                  <a:rPr lang="en-US" sz="1600" b="1" kern="0">
                    <a:ea typeface="Arial Unicode MS" pitchFamily="34" charset="-128"/>
                    <a:cs typeface="Arial Unicode MS" pitchFamily="34" charset="-128"/>
                  </a:rPr>
                  <a:t>c</a:t>
                </a:r>
                <a:r>
                  <a:rPr kumimoji="0" lang="en-US" sz="1600" b="1" i="0" u="none" strike="noStrike" kern="0" cap="none" spc="0" normalizeH="0" baseline="0" noProof="0">
                    <a:ln>
                      <a:noFill/>
                    </a:ln>
                    <a:effectLst/>
                    <a:uLnTx/>
                    <a:uFillTx/>
                    <a:ea typeface="Arial Unicode MS" pitchFamily="34" charset="-128"/>
                    <a:cs typeface="Arial Unicode MS" pitchFamily="34" charset="-128"/>
                  </a:rPr>
                  <a:t>lasses</a:t>
                </a:r>
              </a:p>
              <a:p>
                <a:pPr algn="ctr" defTabSz="914400" fontAlgn="base">
                  <a:spcBef>
                    <a:spcPct val="50000"/>
                  </a:spcBef>
                  <a:spcAft>
                    <a:spcPct val="0"/>
                  </a:spcAft>
                  <a:buClr>
                    <a:srgbClr val="F0AB00"/>
                  </a:buClr>
                  <a:buSzPct val="80000"/>
                </a:pPr>
                <a:r>
                  <a:rPr kumimoji="0" lang="en-US" sz="1600" i="0" u="none" strike="noStrike" kern="0" cap="none" spc="0" normalizeH="0" baseline="0" noProof="0">
                    <a:ln>
                      <a:noFill/>
                    </a:ln>
                    <a:effectLst/>
                    <a:uLnTx/>
                    <a:uFillTx/>
                    <a:ea typeface="Arial Unicode MS" pitchFamily="34" charset="-128"/>
                    <a:cs typeface="Arial Unicode MS" pitchFamily="34" charset="-128"/>
                  </a:rPr>
                  <a:t>0.25 &lt; Pre</a:t>
                </a:r>
                <a:r>
                  <a:rPr lang="en-US" sz="1600" kern="0" err="1">
                    <a:ea typeface="Arial Unicode MS" pitchFamily="34" charset="-128"/>
                    <a:cs typeface="Arial Unicode MS" pitchFamily="34" charset="-128"/>
                  </a:rPr>
                  <a:t>cision</a:t>
                </a:r>
                <a:r>
                  <a:rPr lang="en-US" sz="1600" kern="0">
                    <a:ea typeface="Arial Unicode MS" pitchFamily="34" charset="-128"/>
                    <a:cs typeface="Arial Unicode MS" pitchFamily="34" charset="-128"/>
                  </a:rPr>
                  <a:t> &lt; 0.75</a:t>
                </a:r>
                <a:endParaRPr kumimoji="0" lang="en-US" sz="1600" b="1" i="0" u="none" strike="noStrike" kern="0" cap="none" spc="0" normalizeH="0" baseline="0" noProof="0">
                  <a:ln>
                    <a:noFill/>
                  </a:ln>
                  <a:effectLst/>
                  <a:uLnTx/>
                  <a:uFillTx/>
                  <a:ea typeface="Arial Unicode MS" pitchFamily="34" charset="-128"/>
                  <a:cs typeface="Arial Unicode MS" pitchFamily="34" charset="-128"/>
                </a:endParaRPr>
              </a:p>
              <a:p>
                <a:pPr marR="0" algn="ctr" defTabSz="914400" eaLnBrk="1" fontAlgn="base" latinLnBrk="0" hangingPunct="1">
                  <a:lnSpc>
                    <a:spcPct val="100000"/>
                  </a:lnSpc>
                  <a:spcBef>
                    <a:spcPct val="50000"/>
                  </a:spcBef>
                  <a:spcAft>
                    <a:spcPct val="0"/>
                  </a:spcAft>
                  <a:buClr>
                    <a:srgbClr val="F0AB00"/>
                  </a:buClr>
                  <a:buSzPct val="80000"/>
                  <a:tabLst/>
                </a:pPr>
                <a:r>
                  <a:rPr lang="en-US" sz="1600" kern="0">
                    <a:ea typeface="Arial Unicode MS" pitchFamily="34" charset="-128"/>
                    <a:cs typeface="Arial Unicode MS" pitchFamily="34" charset="-128"/>
                  </a:rPr>
                  <a:t>114 of 525 classes</a:t>
                </a:r>
                <a:endParaRPr kumimoji="0" lang="en-US" sz="1600" i="0" u="none" strike="noStrike" kern="0" cap="none" spc="0" normalizeH="0" baseline="0" noProof="0">
                  <a:ln>
                    <a:noFill/>
                  </a:ln>
                  <a:effectLst/>
                  <a:uLnTx/>
                  <a:uFillTx/>
                  <a:ea typeface="Arial Unicode MS" pitchFamily="34" charset="-128"/>
                  <a:cs typeface="Arial Unicode MS" pitchFamily="34" charset="-128"/>
                </a:endParaRPr>
              </a:p>
            </p:txBody>
          </p:sp>
          <p:sp>
            <p:nvSpPr>
              <p:cNvPr id="14" name="Rectangle: Rounded Corners 13">
                <a:extLst>
                  <a:ext uri="{FF2B5EF4-FFF2-40B4-BE49-F238E27FC236}">
                    <a16:creationId xmlns:a16="http://schemas.microsoft.com/office/drawing/2014/main" id="{8ABB10BD-A143-2945-AD26-67E963364BD4}"/>
                  </a:ext>
                </a:extLst>
              </p:cNvPr>
              <p:cNvSpPr/>
              <p:nvPr/>
            </p:nvSpPr>
            <p:spPr bwMode="gray">
              <a:xfrm>
                <a:off x="6749752" y="4404462"/>
                <a:ext cx="3569684" cy="1008000"/>
              </a:xfrm>
              <a:prstGeom prst="roundRect">
                <a:avLst/>
              </a:prstGeom>
              <a:solidFill>
                <a:schemeClr val="accent5">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noProof="0">
                    <a:ln>
                      <a:noFill/>
                    </a:ln>
                    <a:effectLst/>
                    <a:uLnTx/>
                    <a:uFillTx/>
                    <a:ea typeface="Arial Unicode MS" pitchFamily="34" charset="-128"/>
                    <a:cs typeface="Arial Unicode MS" pitchFamily="34" charset="-128"/>
                  </a:rPr>
                  <a:t>Bad predicted </a:t>
                </a:r>
                <a:r>
                  <a:rPr lang="en-US" sz="1600" b="1" kern="0">
                    <a:ea typeface="Arial Unicode MS" pitchFamily="34" charset="-128"/>
                    <a:cs typeface="Arial Unicode MS" pitchFamily="34" charset="-128"/>
                  </a:rPr>
                  <a:t>c</a:t>
                </a:r>
                <a:r>
                  <a:rPr kumimoji="0" lang="en-US" sz="1600" b="1" i="0" u="none" strike="noStrike" kern="0" cap="none" spc="0" normalizeH="0" baseline="0" noProof="0">
                    <a:ln>
                      <a:noFill/>
                    </a:ln>
                    <a:effectLst/>
                    <a:uLnTx/>
                    <a:uFillTx/>
                    <a:ea typeface="Arial Unicode MS" pitchFamily="34" charset="-128"/>
                    <a:cs typeface="Arial Unicode MS" pitchFamily="34" charset="-128"/>
                  </a:rPr>
                  <a:t>lasses</a:t>
                </a:r>
              </a:p>
              <a:p>
                <a:pPr marR="0" algn="ctr" defTabSz="914400" eaLnBrk="1" fontAlgn="base" latinLnBrk="0" hangingPunct="1">
                  <a:lnSpc>
                    <a:spcPct val="100000"/>
                  </a:lnSpc>
                  <a:spcBef>
                    <a:spcPct val="50000"/>
                  </a:spcBef>
                  <a:spcAft>
                    <a:spcPct val="0"/>
                  </a:spcAft>
                  <a:buClr>
                    <a:srgbClr val="F0AB00"/>
                  </a:buClr>
                  <a:buSzPct val="80000"/>
                  <a:tabLst/>
                </a:pPr>
                <a:r>
                  <a:rPr kumimoji="0" lang="en-US" sz="1600" i="0" u="none" strike="noStrike" kern="0" cap="none" spc="0" normalizeH="0" baseline="0" noProof="0">
                    <a:ln>
                      <a:noFill/>
                    </a:ln>
                    <a:effectLst/>
                    <a:uLnTx/>
                    <a:uFillTx/>
                    <a:ea typeface="Arial Unicode MS" pitchFamily="34" charset="-128"/>
                    <a:cs typeface="Arial Unicode MS" pitchFamily="34" charset="-128"/>
                  </a:rPr>
                  <a:t>Pre</a:t>
                </a:r>
                <a:r>
                  <a:rPr lang="en-US" sz="1600" kern="0" err="1">
                    <a:ea typeface="Arial Unicode MS" pitchFamily="34" charset="-128"/>
                    <a:cs typeface="Arial Unicode MS" pitchFamily="34" charset="-128"/>
                  </a:rPr>
                  <a:t>cision</a:t>
                </a:r>
                <a:r>
                  <a:rPr lang="en-US" sz="1600" kern="0">
                    <a:ea typeface="Arial Unicode MS" pitchFamily="34" charset="-128"/>
                    <a:cs typeface="Arial Unicode MS" pitchFamily="34" charset="-128"/>
                  </a:rPr>
                  <a:t> &lt;= 0.25</a:t>
                </a:r>
                <a:endParaRPr kumimoji="0" lang="en-US" sz="1600" i="0" u="none" strike="noStrike" kern="0" cap="none" spc="0" normalizeH="0" baseline="0" noProof="0">
                  <a:ln>
                    <a:noFill/>
                  </a:ln>
                  <a:effectLst/>
                  <a:uLnTx/>
                  <a:uFillTx/>
                  <a:ea typeface="Arial Unicode MS" pitchFamily="34" charset="-128"/>
                  <a:cs typeface="Arial Unicode MS" pitchFamily="34" charset="-128"/>
                </a:endParaRPr>
              </a:p>
              <a:p>
                <a:pPr marR="0" algn="ctr" defTabSz="914400" eaLnBrk="1" fontAlgn="base" latinLnBrk="0" hangingPunct="1">
                  <a:lnSpc>
                    <a:spcPct val="100000"/>
                  </a:lnSpc>
                  <a:spcBef>
                    <a:spcPct val="50000"/>
                  </a:spcBef>
                  <a:spcAft>
                    <a:spcPct val="0"/>
                  </a:spcAft>
                  <a:buClr>
                    <a:srgbClr val="F0AB00"/>
                  </a:buClr>
                  <a:buSzPct val="80000"/>
                  <a:tabLst/>
                </a:pPr>
                <a:r>
                  <a:rPr lang="en-US" sz="1600" kern="0">
                    <a:ea typeface="Arial Unicode MS" pitchFamily="34" charset="-128"/>
                    <a:cs typeface="Arial Unicode MS" pitchFamily="34" charset="-128"/>
                  </a:rPr>
                  <a:t>3 of 525 classes</a:t>
                </a:r>
                <a:endParaRPr kumimoji="0" lang="en-US" sz="1600" i="0" u="none" strike="noStrike" kern="0" cap="none" spc="0" normalizeH="0" baseline="0" noProof="0">
                  <a:ln>
                    <a:noFill/>
                  </a:ln>
                  <a:effectLst/>
                  <a:uLnTx/>
                  <a:uFillTx/>
                  <a:ea typeface="Arial Unicode MS" pitchFamily="34" charset="-128"/>
                  <a:cs typeface="Arial Unicode MS" pitchFamily="34" charset="-128"/>
                </a:endParaRPr>
              </a:p>
            </p:txBody>
          </p:sp>
          <p:sp>
            <p:nvSpPr>
              <p:cNvPr id="18" name="Rectangle: Rounded Corners 17">
                <a:extLst>
                  <a:ext uri="{FF2B5EF4-FFF2-40B4-BE49-F238E27FC236}">
                    <a16:creationId xmlns:a16="http://schemas.microsoft.com/office/drawing/2014/main" id="{B4B95259-ADE5-ACA3-B1DB-4DA2F2C5E973}"/>
                  </a:ext>
                </a:extLst>
              </p:cNvPr>
              <p:cNvSpPr/>
              <p:nvPr/>
            </p:nvSpPr>
            <p:spPr bwMode="gray">
              <a:xfrm>
                <a:off x="6749752" y="1013606"/>
                <a:ext cx="3569684" cy="1008000"/>
              </a:xfrm>
              <a:prstGeom prst="roundRect">
                <a:avLst/>
              </a:prstGeom>
              <a:solidFill>
                <a:schemeClr val="accent4"/>
              </a:solidFill>
              <a:ln w="25400" algn="ctr">
                <a:solidFill>
                  <a:schemeClr val="tx1"/>
                </a:solid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kumimoji="0" lang="en-US" sz="1600" b="1" i="0" u="none" strike="noStrike" kern="0" cap="none" spc="0" normalizeH="0" baseline="0" noProof="0">
                    <a:ln>
                      <a:noFill/>
                    </a:ln>
                    <a:effectLst/>
                    <a:uLnTx/>
                    <a:uFillTx/>
                    <a:ea typeface="Arial Unicode MS" pitchFamily="34" charset="-128"/>
                    <a:cs typeface="Arial Unicode MS" pitchFamily="34" charset="-128"/>
                  </a:rPr>
                  <a:t>Perfect predicted classes</a:t>
                </a:r>
              </a:p>
              <a:p>
                <a:pPr algn="ctr" defTabSz="914400" fontAlgn="base">
                  <a:spcBef>
                    <a:spcPct val="50000"/>
                  </a:spcBef>
                  <a:spcAft>
                    <a:spcPct val="0"/>
                  </a:spcAft>
                  <a:buClr>
                    <a:srgbClr val="F0AB00"/>
                  </a:buClr>
                  <a:buSzPct val="80000"/>
                </a:pPr>
                <a:r>
                  <a:rPr kumimoji="0" lang="en-US" sz="1600" i="0" u="none" strike="noStrike" kern="0" cap="none" spc="0" normalizeH="0" baseline="0" noProof="0">
                    <a:ln>
                      <a:noFill/>
                    </a:ln>
                    <a:effectLst/>
                    <a:uLnTx/>
                    <a:uFillTx/>
                    <a:ea typeface="Arial Unicode MS" pitchFamily="34" charset="-128"/>
                    <a:cs typeface="Arial Unicode MS" pitchFamily="34" charset="-128"/>
                  </a:rPr>
                  <a:t>Pre</a:t>
                </a:r>
                <a:r>
                  <a:rPr lang="en-US" sz="1600" kern="0" err="1">
                    <a:ea typeface="Arial Unicode MS" pitchFamily="34" charset="-128"/>
                    <a:cs typeface="Arial Unicode MS" pitchFamily="34" charset="-128"/>
                  </a:rPr>
                  <a:t>cision</a:t>
                </a:r>
                <a:r>
                  <a:rPr lang="en-US" sz="1600" kern="0">
                    <a:ea typeface="Arial Unicode MS" pitchFamily="34" charset="-128"/>
                    <a:cs typeface="Arial Unicode MS" pitchFamily="34" charset="-128"/>
                  </a:rPr>
                  <a:t>/Recall/F1-Score = 1.0</a:t>
                </a:r>
                <a:endParaRPr kumimoji="0" lang="en-US" sz="1600" b="1" i="0" u="none" strike="noStrike" kern="0" cap="none" spc="0" normalizeH="0" baseline="0" noProof="0">
                  <a:ln>
                    <a:noFill/>
                  </a:ln>
                  <a:effectLst/>
                  <a:uLnTx/>
                  <a:uFillTx/>
                  <a:ea typeface="Arial Unicode MS" pitchFamily="34" charset="-128"/>
                  <a:cs typeface="Arial Unicode MS" pitchFamily="34" charset="-128"/>
                </a:endParaRPr>
              </a:p>
              <a:p>
                <a:pPr marR="0" algn="ctr" defTabSz="914400" eaLnBrk="1" fontAlgn="base" latinLnBrk="0" hangingPunct="1">
                  <a:lnSpc>
                    <a:spcPct val="100000"/>
                  </a:lnSpc>
                  <a:spcBef>
                    <a:spcPct val="50000"/>
                  </a:spcBef>
                  <a:spcAft>
                    <a:spcPct val="0"/>
                  </a:spcAft>
                  <a:buClr>
                    <a:srgbClr val="F0AB00"/>
                  </a:buClr>
                  <a:buSzPct val="80000"/>
                  <a:tabLst/>
                </a:pPr>
                <a:r>
                  <a:rPr lang="en-US" sz="1600" kern="0">
                    <a:ea typeface="Arial Unicode MS" pitchFamily="34" charset="-128"/>
                    <a:cs typeface="Arial Unicode MS" pitchFamily="34" charset="-128"/>
                  </a:rPr>
                  <a:t>168 of 525 classes</a:t>
                </a:r>
                <a:endParaRPr kumimoji="0" lang="en-US" sz="1600" i="0" u="none" strike="noStrike" kern="0" cap="none" spc="0" normalizeH="0" baseline="0" noProof="0">
                  <a:ln>
                    <a:noFill/>
                  </a:ln>
                  <a:effectLst/>
                  <a:uLnTx/>
                  <a:uFillTx/>
                  <a:ea typeface="Arial Unicode MS" pitchFamily="34" charset="-128"/>
                  <a:cs typeface="Arial Unicode MS" pitchFamily="34" charset="-128"/>
                </a:endParaRPr>
              </a:p>
            </p:txBody>
          </p:sp>
        </p:grpSp>
        <p:grpSp>
          <p:nvGrpSpPr>
            <p:cNvPr id="29" name="Group 28">
              <a:extLst>
                <a:ext uri="{FF2B5EF4-FFF2-40B4-BE49-F238E27FC236}">
                  <a16:creationId xmlns:a16="http://schemas.microsoft.com/office/drawing/2014/main" id="{3EDE89DC-4F00-7AD8-6EE7-E9E8A4EC6DB5}"/>
                </a:ext>
              </a:extLst>
            </p:cNvPr>
            <p:cNvGrpSpPr/>
            <p:nvPr/>
          </p:nvGrpSpPr>
          <p:grpSpPr>
            <a:xfrm>
              <a:off x="6585857" y="5575944"/>
              <a:ext cx="3940629" cy="857514"/>
              <a:chOff x="6585857" y="5575944"/>
              <a:chExt cx="3940629" cy="857514"/>
            </a:xfrm>
          </p:grpSpPr>
          <p:sp>
            <p:nvSpPr>
              <p:cNvPr id="26" name="Arrow: Right 25">
                <a:extLst>
                  <a:ext uri="{FF2B5EF4-FFF2-40B4-BE49-F238E27FC236}">
                    <a16:creationId xmlns:a16="http://schemas.microsoft.com/office/drawing/2014/main" id="{4080C8B8-1EB2-1270-6904-6214A5687704}"/>
                  </a:ext>
                </a:extLst>
              </p:cNvPr>
              <p:cNvSpPr/>
              <p:nvPr/>
            </p:nvSpPr>
            <p:spPr bwMode="gray">
              <a:xfrm>
                <a:off x="6585857" y="5727116"/>
                <a:ext cx="560614" cy="555171"/>
              </a:xfrm>
              <a:prstGeom prst="rightArrow">
                <a:avLst/>
              </a:prstGeom>
              <a:solidFill>
                <a:schemeClr val="accent3">
                  <a:lumMod val="75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7" name="Rectangle: Rounded Corners 26">
                <a:extLst>
                  <a:ext uri="{FF2B5EF4-FFF2-40B4-BE49-F238E27FC236}">
                    <a16:creationId xmlns:a16="http://schemas.microsoft.com/office/drawing/2014/main" id="{5E1ABE09-6AAE-3AC9-BFEA-558C10B00E97}"/>
                  </a:ext>
                </a:extLst>
              </p:cNvPr>
              <p:cNvSpPr/>
              <p:nvPr/>
            </p:nvSpPr>
            <p:spPr bwMode="gray">
              <a:xfrm>
                <a:off x="7451271" y="5575944"/>
                <a:ext cx="3075215" cy="857514"/>
              </a:xfrm>
              <a:prstGeom prst="roundRect">
                <a:avLst/>
              </a:prstGeom>
              <a:solidFill>
                <a:schemeClr val="accent3">
                  <a:lumMod val="75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a:ln>
                      <a:noFill/>
                    </a:ln>
                    <a:solidFill>
                      <a:schemeClr val="bg1"/>
                    </a:solidFill>
                    <a:effectLst/>
                    <a:uLnTx/>
                    <a:uFillTx/>
                    <a:ea typeface="Arial Unicode MS" pitchFamily="34" charset="-128"/>
                    <a:cs typeface="Arial Unicode MS" pitchFamily="34" charset="-128"/>
                  </a:rPr>
                  <a:t>Precision as metric as false predictions are expensive</a:t>
                </a:r>
              </a:p>
            </p:txBody>
          </p:sp>
        </p:grpSp>
      </p:grpSp>
    </p:spTree>
    <p:custDataLst>
      <p:custData r:id="rId1"/>
      <p:custData r:id="rId2"/>
    </p:custDataLst>
    <p:extLst>
      <p:ext uri="{BB962C8B-B14F-4D97-AF65-F5344CB8AC3E}">
        <p14:creationId xmlns:p14="http://schemas.microsoft.com/office/powerpoint/2010/main" val="312291194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p:txBody>
          <a:bodyPr/>
          <a:lstStyle/>
          <a:p>
            <a:r>
              <a:rPr lang="en-US"/>
              <a:t>Evaluation – </a:t>
            </a:r>
            <a:r>
              <a:rPr lang="en-US">
                <a:solidFill>
                  <a:schemeClr val="accent1"/>
                </a:solidFill>
              </a:rPr>
              <a:t>Confusion Matrices</a:t>
            </a:r>
          </a:p>
        </p:txBody>
      </p:sp>
      <p:pic>
        <p:nvPicPr>
          <p:cNvPr id="6" name="Picture 5">
            <a:extLst>
              <a:ext uri="{FF2B5EF4-FFF2-40B4-BE49-F238E27FC236}">
                <a16:creationId xmlns:a16="http://schemas.microsoft.com/office/drawing/2014/main" id="{C9E296AA-65C0-D3F9-C9F0-EFE227104C6A}"/>
              </a:ext>
            </a:extLst>
          </p:cNvPr>
          <p:cNvPicPr>
            <a:picLocks noChangeAspect="1"/>
          </p:cNvPicPr>
          <p:nvPr/>
        </p:nvPicPr>
        <p:blipFill>
          <a:blip r:embed="rId4"/>
          <a:stretch>
            <a:fillRect/>
          </a:stretch>
        </p:blipFill>
        <p:spPr>
          <a:xfrm>
            <a:off x="11293151" y="-9748"/>
            <a:ext cx="980725" cy="980725"/>
          </a:xfrm>
          <a:prstGeom prst="rect">
            <a:avLst/>
          </a:prstGeom>
        </p:spPr>
      </p:pic>
      <p:pic>
        <p:nvPicPr>
          <p:cNvPr id="1030" name="Picture 6">
            <a:extLst>
              <a:ext uri="{FF2B5EF4-FFF2-40B4-BE49-F238E27FC236}">
                <a16:creationId xmlns:a16="http://schemas.microsoft.com/office/drawing/2014/main" id="{EBB1EAB6-302C-B6DA-098C-62CB4992C0B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46177" y="1507230"/>
            <a:ext cx="3909786" cy="3893563"/>
          </a:xfrm>
          <a:prstGeom prst="rect">
            <a:avLst/>
          </a:prstGeom>
          <a:noFill/>
          <a:extLst>
            <a:ext uri="{909E8E84-426E-40DD-AFC4-6F175D3DCCD1}">
              <a14:hiddenFill xmlns:a14="http://schemas.microsoft.com/office/drawing/2010/main">
                <a:solidFill>
                  <a:srgbClr val="FFFFFF"/>
                </a:solidFill>
              </a14:hiddenFill>
            </a:ext>
          </a:extLst>
        </p:spPr>
      </p:pic>
      <p:sp>
        <p:nvSpPr>
          <p:cNvPr id="2" name="Rectangle: Rounded Corners 1">
            <a:extLst>
              <a:ext uri="{FF2B5EF4-FFF2-40B4-BE49-F238E27FC236}">
                <a16:creationId xmlns:a16="http://schemas.microsoft.com/office/drawing/2014/main" id="{D5C3B78E-7DD7-0E47-206B-A0775CB4942C}"/>
              </a:ext>
            </a:extLst>
          </p:cNvPr>
          <p:cNvSpPr/>
          <p:nvPr/>
        </p:nvSpPr>
        <p:spPr bwMode="gray">
          <a:xfrm>
            <a:off x="715963" y="5583796"/>
            <a:ext cx="3240000" cy="658586"/>
          </a:xfrm>
          <a:prstGeom prst="roundRect">
            <a:avLst/>
          </a:prstGeom>
          <a:solidFill>
            <a:schemeClr val="accent4">
              <a:lumMod val="75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a:ln>
                  <a:noFill/>
                </a:ln>
                <a:effectLst/>
                <a:uLnTx/>
                <a:uFillTx/>
                <a:ea typeface="Arial Unicode MS" pitchFamily="34" charset="-128"/>
                <a:cs typeface="Arial Unicode MS" pitchFamily="34" charset="-128"/>
              </a:rPr>
              <a:t>Perfect predicted Classes</a:t>
            </a:r>
          </a:p>
        </p:txBody>
      </p:sp>
      <p:pic>
        <p:nvPicPr>
          <p:cNvPr id="1032" name="Picture 8">
            <a:extLst>
              <a:ext uri="{FF2B5EF4-FFF2-40B4-BE49-F238E27FC236}">
                <a16:creationId xmlns:a16="http://schemas.microsoft.com/office/drawing/2014/main" id="{DA4A6B37-B710-EAAF-D5E4-D2594674EB03}"/>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3982897" y="1477419"/>
            <a:ext cx="4029529" cy="4012809"/>
          </a:xfrm>
          <a:prstGeom prst="rect">
            <a:avLst/>
          </a:prstGeom>
          <a:noFill/>
          <a:extLst>
            <a:ext uri="{909E8E84-426E-40DD-AFC4-6F175D3DCCD1}">
              <a14:hiddenFill xmlns:a14="http://schemas.microsoft.com/office/drawing/2010/main">
                <a:solidFill>
                  <a:srgbClr val="FFFFFF"/>
                </a:solidFill>
              </a14:hiddenFill>
            </a:ext>
          </a:extLst>
        </p:spPr>
      </p:pic>
      <p:sp>
        <p:nvSpPr>
          <p:cNvPr id="7" name="Rectangle: Rounded Corners 6">
            <a:extLst>
              <a:ext uri="{FF2B5EF4-FFF2-40B4-BE49-F238E27FC236}">
                <a16:creationId xmlns:a16="http://schemas.microsoft.com/office/drawing/2014/main" id="{EDCF117E-16FE-E7ED-D657-5C7B473220EC}"/>
              </a:ext>
            </a:extLst>
          </p:cNvPr>
          <p:cNvSpPr/>
          <p:nvPr/>
        </p:nvSpPr>
        <p:spPr bwMode="gray">
          <a:xfrm>
            <a:off x="4772426" y="5613608"/>
            <a:ext cx="3240000" cy="658586"/>
          </a:xfrm>
          <a:prstGeom prst="roundRect">
            <a:avLst/>
          </a:prstGeom>
          <a:solidFill>
            <a:schemeClr val="accent4">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a:ln>
                  <a:noFill/>
                </a:ln>
                <a:effectLst/>
                <a:uLnTx/>
                <a:uFillTx/>
                <a:ea typeface="Arial Unicode MS" pitchFamily="34" charset="-128"/>
                <a:cs typeface="Arial Unicode MS" pitchFamily="34" charset="-128"/>
              </a:rPr>
              <a:t>Good predicted classes</a:t>
            </a:r>
          </a:p>
        </p:txBody>
      </p:sp>
      <p:pic>
        <p:nvPicPr>
          <p:cNvPr id="1028" name="Picture 4">
            <a:extLst>
              <a:ext uri="{FF2B5EF4-FFF2-40B4-BE49-F238E27FC236}">
                <a16:creationId xmlns:a16="http://schemas.microsoft.com/office/drawing/2014/main" id="{7E25B6DE-0799-40CF-D941-E4D6832BE1E8}"/>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8039360" y="1454281"/>
            <a:ext cx="4122466" cy="4105360"/>
          </a:xfrm>
          <a:prstGeom prst="rect">
            <a:avLst/>
          </a:prstGeom>
          <a:noFill/>
          <a:extLst>
            <a:ext uri="{909E8E84-426E-40DD-AFC4-6F175D3DCCD1}">
              <a14:hiddenFill xmlns:a14="http://schemas.microsoft.com/office/drawing/2010/main">
                <a:solidFill>
                  <a:srgbClr val="FFFFFF"/>
                </a:solidFill>
              </a14:hiddenFill>
            </a:ext>
          </a:extLst>
        </p:spPr>
      </p:pic>
      <p:sp>
        <p:nvSpPr>
          <p:cNvPr id="8" name="Rectangle: Rounded Corners 7">
            <a:extLst>
              <a:ext uri="{FF2B5EF4-FFF2-40B4-BE49-F238E27FC236}">
                <a16:creationId xmlns:a16="http://schemas.microsoft.com/office/drawing/2014/main" id="{7D9BDC70-B568-A578-9904-EDE0ADA2D446}"/>
              </a:ext>
            </a:extLst>
          </p:cNvPr>
          <p:cNvSpPr/>
          <p:nvPr/>
        </p:nvSpPr>
        <p:spPr bwMode="gray">
          <a:xfrm>
            <a:off x="8921826" y="5636746"/>
            <a:ext cx="3240000" cy="658586"/>
          </a:xfrm>
          <a:prstGeom prst="roundRect">
            <a:avLst/>
          </a:prstGeom>
          <a:solidFill>
            <a:schemeClr val="accent5">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a:ln>
                  <a:noFill/>
                </a:ln>
                <a:effectLst/>
                <a:uLnTx/>
                <a:uFillTx/>
                <a:ea typeface="Arial Unicode MS" pitchFamily="34" charset="-128"/>
                <a:cs typeface="Arial Unicode MS" pitchFamily="34" charset="-128"/>
              </a:rPr>
              <a:t>Bad predicted </a:t>
            </a:r>
            <a:r>
              <a:rPr lang="en-US" sz="1800" b="1" kern="0">
                <a:ea typeface="Arial Unicode MS" pitchFamily="34" charset="-128"/>
                <a:cs typeface="Arial Unicode MS" pitchFamily="34" charset="-128"/>
              </a:rPr>
              <a:t>c</a:t>
            </a:r>
            <a:r>
              <a:rPr kumimoji="0" lang="en-US" sz="1800" b="1" i="0" u="none" strike="noStrike" kern="0" cap="none" spc="0" normalizeH="0" baseline="0" noProof="0">
                <a:ln>
                  <a:noFill/>
                </a:ln>
                <a:effectLst/>
                <a:uLnTx/>
                <a:uFillTx/>
                <a:ea typeface="Arial Unicode MS" pitchFamily="34" charset="-128"/>
                <a:cs typeface="Arial Unicode MS" pitchFamily="34" charset="-128"/>
              </a:rPr>
              <a:t>lasses</a:t>
            </a:r>
          </a:p>
        </p:txBody>
      </p:sp>
      <p:sp>
        <p:nvSpPr>
          <p:cNvPr id="12" name="Rectangle: Rounded Corners 11">
            <a:extLst>
              <a:ext uri="{FF2B5EF4-FFF2-40B4-BE49-F238E27FC236}">
                <a16:creationId xmlns:a16="http://schemas.microsoft.com/office/drawing/2014/main" id="{AA2D80DA-ADFE-7EF8-6073-9121E995F6BD}"/>
              </a:ext>
            </a:extLst>
          </p:cNvPr>
          <p:cNvSpPr/>
          <p:nvPr/>
        </p:nvSpPr>
        <p:spPr bwMode="gray">
          <a:xfrm>
            <a:off x="8715080" y="1857080"/>
            <a:ext cx="824846" cy="202677"/>
          </a:xfrm>
          <a:prstGeom prst="roundRect">
            <a:avLst/>
          </a:prstGeom>
          <a:noFill/>
          <a:ln w="38100" algn="ctr">
            <a:solidFill>
              <a:schemeClr val="accent5">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3" name="Rectangle: Rounded Corners 12">
            <a:extLst>
              <a:ext uri="{FF2B5EF4-FFF2-40B4-BE49-F238E27FC236}">
                <a16:creationId xmlns:a16="http://schemas.microsoft.com/office/drawing/2014/main" id="{3D95A2DB-DBEB-1071-6D62-4F76C5CC358E}"/>
              </a:ext>
            </a:extLst>
          </p:cNvPr>
          <p:cNvSpPr/>
          <p:nvPr/>
        </p:nvSpPr>
        <p:spPr bwMode="gray">
          <a:xfrm>
            <a:off x="8715080" y="3301142"/>
            <a:ext cx="824846" cy="202677"/>
          </a:xfrm>
          <a:prstGeom prst="roundRect">
            <a:avLst/>
          </a:prstGeom>
          <a:noFill/>
          <a:ln w="38100" algn="ctr">
            <a:solidFill>
              <a:schemeClr val="accent5">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4" name="Rectangle: Rounded Corners 13">
            <a:extLst>
              <a:ext uri="{FF2B5EF4-FFF2-40B4-BE49-F238E27FC236}">
                <a16:creationId xmlns:a16="http://schemas.microsoft.com/office/drawing/2014/main" id="{E510C315-5897-2CF7-378D-C4C0F61C7070}"/>
              </a:ext>
            </a:extLst>
          </p:cNvPr>
          <p:cNvSpPr/>
          <p:nvPr/>
        </p:nvSpPr>
        <p:spPr bwMode="gray">
          <a:xfrm>
            <a:off x="8165183" y="3503819"/>
            <a:ext cx="1368000" cy="202677"/>
          </a:xfrm>
          <a:prstGeom prst="roundRect">
            <a:avLst/>
          </a:prstGeom>
          <a:noFill/>
          <a:ln w="38100" algn="ctr">
            <a:solidFill>
              <a:schemeClr val="accent5">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38306899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5F253D4B-DCBF-0B4C-849A-D37213C20E21}"/>
              </a:ext>
            </a:extLst>
          </p:cNvPr>
          <p:cNvSpPr>
            <a:spLocks noGrp="1"/>
          </p:cNvSpPr>
          <p:nvPr>
            <p:ph type="ctrTitle"/>
          </p:nvPr>
        </p:nvSpPr>
        <p:spPr>
          <a:xfrm>
            <a:off x="504000" y="3090446"/>
            <a:ext cx="2203441" cy="677108"/>
          </a:xfrm>
        </p:spPr>
        <p:txBody>
          <a:bodyPr wrap="square" anchor="ctr">
            <a:noAutofit/>
          </a:bodyPr>
          <a:lstStyle/>
          <a:p>
            <a:r>
              <a:rPr lang="en-US"/>
              <a:t>DEMO</a:t>
            </a:r>
          </a:p>
        </p:txBody>
      </p:sp>
      <p:pic>
        <p:nvPicPr>
          <p:cNvPr id="12" name="Picture 11">
            <a:extLst>
              <a:ext uri="{FF2B5EF4-FFF2-40B4-BE49-F238E27FC236}">
                <a16:creationId xmlns:a16="http://schemas.microsoft.com/office/drawing/2014/main" id="{1361B5B3-B214-A6BA-D280-1586F7168FBA}"/>
              </a:ext>
            </a:extLst>
          </p:cNvPr>
          <p:cNvPicPr>
            <a:picLocks noChangeAspect="1"/>
          </p:cNvPicPr>
          <p:nvPr/>
        </p:nvPicPr>
        <p:blipFill>
          <a:blip r:embed="rId4"/>
          <a:stretch>
            <a:fillRect/>
          </a:stretch>
        </p:blipFill>
        <p:spPr>
          <a:xfrm>
            <a:off x="5936460" y="729000"/>
            <a:ext cx="5400000" cy="5400000"/>
          </a:xfrm>
          <a:prstGeom prst="rect">
            <a:avLst/>
          </a:prstGeom>
        </p:spPr>
      </p:pic>
      <p:pic>
        <p:nvPicPr>
          <p:cNvPr id="2" name="Picture 1">
            <a:extLst>
              <a:ext uri="{FF2B5EF4-FFF2-40B4-BE49-F238E27FC236}">
                <a16:creationId xmlns:a16="http://schemas.microsoft.com/office/drawing/2014/main" id="{5B751867-22FC-F3CA-59DC-709827537A41}"/>
              </a:ext>
            </a:extLst>
          </p:cNvPr>
          <p:cNvPicPr>
            <a:picLocks noChangeAspect="1"/>
          </p:cNvPicPr>
          <p:nvPr/>
        </p:nvPicPr>
        <p:blipFill>
          <a:blip r:embed="rId5"/>
          <a:stretch>
            <a:fillRect/>
          </a:stretch>
        </p:blipFill>
        <p:spPr>
          <a:xfrm>
            <a:off x="11293151" y="-9748"/>
            <a:ext cx="980725" cy="980725"/>
          </a:xfrm>
          <a:prstGeom prst="rect">
            <a:avLst/>
          </a:prstGeom>
        </p:spPr>
      </p:pic>
    </p:spTree>
    <p:custDataLst>
      <p:custData r:id="rId1"/>
      <p:custData r:id="rId2"/>
    </p:custDataLst>
    <p:extLst>
      <p:ext uri="{BB962C8B-B14F-4D97-AF65-F5344CB8AC3E}">
        <p14:creationId xmlns:p14="http://schemas.microsoft.com/office/powerpoint/2010/main" val="414538046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64BA34D3-4465-324F-B305-5CDAB04DB101}"/>
              </a:ext>
            </a:extLst>
          </p:cNvPr>
          <p:cNvSpPr>
            <a:spLocks noGrp="1"/>
          </p:cNvSpPr>
          <p:nvPr>
            <p:ph type="body" sz="quarter" idx="13"/>
          </p:nvPr>
        </p:nvSpPr>
        <p:spPr>
          <a:xfrm>
            <a:off x="8579699" y="4708688"/>
            <a:ext cx="3356264" cy="1239960"/>
          </a:xfrm>
        </p:spPr>
        <p:txBody>
          <a:bodyPr>
            <a:normAutofit lnSpcReduction="10000"/>
          </a:bodyPr>
          <a:lstStyle/>
          <a:p>
            <a:pPr algn="ctr"/>
            <a:r>
              <a:rPr lang="en-US" sz="2400"/>
              <a:t>EfficientNetB3</a:t>
            </a:r>
          </a:p>
          <a:p>
            <a:pPr algn="ctr"/>
            <a:r>
              <a:rPr lang="en-US" sz="2400"/>
              <a:t>More neurons in classification layers</a:t>
            </a:r>
          </a:p>
        </p:txBody>
      </p:sp>
      <p:sp>
        <p:nvSpPr>
          <p:cNvPr id="7" name="Text Placeholder 6">
            <a:extLst>
              <a:ext uri="{FF2B5EF4-FFF2-40B4-BE49-F238E27FC236}">
                <a16:creationId xmlns:a16="http://schemas.microsoft.com/office/drawing/2014/main" id="{744C40BE-F7EF-3B40-BBAC-079724B69F3A}"/>
              </a:ext>
            </a:extLst>
          </p:cNvPr>
          <p:cNvSpPr>
            <a:spLocks noGrp="1"/>
          </p:cNvSpPr>
          <p:nvPr>
            <p:ph type="body" sz="quarter" idx="12"/>
          </p:nvPr>
        </p:nvSpPr>
        <p:spPr>
          <a:xfrm>
            <a:off x="4497276" y="4708689"/>
            <a:ext cx="3564000" cy="1239959"/>
          </a:xfrm>
        </p:spPr>
        <p:txBody>
          <a:bodyPr>
            <a:normAutofit/>
          </a:bodyPr>
          <a:lstStyle/>
          <a:p>
            <a:pPr algn="ctr"/>
            <a:r>
              <a:rPr lang="en-US" sz="2400"/>
              <a:t>Workaround via Google Search</a:t>
            </a:r>
          </a:p>
        </p:txBody>
      </p:sp>
      <p:sp>
        <p:nvSpPr>
          <p:cNvPr id="3" name="Text Placeholder 2">
            <a:extLst>
              <a:ext uri="{FF2B5EF4-FFF2-40B4-BE49-F238E27FC236}">
                <a16:creationId xmlns:a16="http://schemas.microsoft.com/office/drawing/2014/main" id="{BC86F3DA-5ED8-A247-8093-284EF74FED73}"/>
              </a:ext>
            </a:extLst>
          </p:cNvPr>
          <p:cNvSpPr>
            <a:spLocks noGrp="1"/>
          </p:cNvSpPr>
          <p:nvPr>
            <p:ph type="body" sz="quarter" idx="10"/>
          </p:nvPr>
        </p:nvSpPr>
        <p:spPr>
          <a:xfrm>
            <a:off x="342692" y="4708689"/>
            <a:ext cx="3564000" cy="1239959"/>
          </a:xfrm>
        </p:spPr>
        <p:txBody>
          <a:bodyPr>
            <a:normAutofit/>
          </a:bodyPr>
          <a:lstStyle/>
          <a:p>
            <a:pPr algn="ctr"/>
            <a:r>
              <a:rPr lang="en-US" sz="2400"/>
              <a:t>Upgrade on TF 2.13 fixed the bug </a:t>
            </a:r>
          </a:p>
        </p:txBody>
      </p:sp>
      <p:sp>
        <p:nvSpPr>
          <p:cNvPr id="2" name="Title 1">
            <a:extLst>
              <a:ext uri="{FF2B5EF4-FFF2-40B4-BE49-F238E27FC236}">
                <a16:creationId xmlns:a16="http://schemas.microsoft.com/office/drawing/2014/main" id="{95416F58-AFC9-0649-BBFF-3B2500E9A121}"/>
              </a:ext>
            </a:extLst>
          </p:cNvPr>
          <p:cNvSpPr>
            <a:spLocks noGrp="1"/>
          </p:cNvSpPr>
          <p:nvPr>
            <p:ph type="title"/>
          </p:nvPr>
        </p:nvSpPr>
        <p:spPr/>
        <p:txBody>
          <a:bodyPr/>
          <a:lstStyle/>
          <a:p>
            <a:r>
              <a:rPr lang="en-US"/>
              <a:t>Challenges</a:t>
            </a:r>
          </a:p>
        </p:txBody>
      </p:sp>
      <p:cxnSp>
        <p:nvCxnSpPr>
          <p:cNvPr id="4" name="Straight Connector 3">
            <a:extLst>
              <a:ext uri="{FF2B5EF4-FFF2-40B4-BE49-F238E27FC236}">
                <a16:creationId xmlns:a16="http://schemas.microsoft.com/office/drawing/2014/main" id="{2CFD629E-2955-587F-30C9-67C3137FBA95}"/>
              </a:ext>
            </a:extLst>
          </p:cNvPr>
          <p:cNvCxnSpPr>
            <a:cxnSpLocks/>
          </p:cNvCxnSpPr>
          <p:nvPr/>
        </p:nvCxnSpPr>
        <p:spPr>
          <a:xfrm>
            <a:off x="8320487" y="1292910"/>
            <a:ext cx="0" cy="4680000"/>
          </a:xfrm>
          <a:prstGeom prst="line">
            <a:avLst/>
          </a:prstGeom>
          <a:ln w="57150">
            <a:solidFill>
              <a:schemeClr val="accent1"/>
            </a:solidFill>
            <a:prstDash val="dash"/>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5" name="Straight Connector 4">
            <a:extLst>
              <a:ext uri="{FF2B5EF4-FFF2-40B4-BE49-F238E27FC236}">
                <a16:creationId xmlns:a16="http://schemas.microsoft.com/office/drawing/2014/main" id="{D7D37BCA-5998-731F-7AF2-D521F56EAE55}"/>
              </a:ext>
            </a:extLst>
          </p:cNvPr>
          <p:cNvCxnSpPr>
            <a:cxnSpLocks/>
          </p:cNvCxnSpPr>
          <p:nvPr/>
        </p:nvCxnSpPr>
        <p:spPr>
          <a:xfrm>
            <a:off x="4238064" y="1292910"/>
            <a:ext cx="0" cy="4680000"/>
          </a:xfrm>
          <a:prstGeom prst="line">
            <a:avLst/>
          </a:prstGeom>
          <a:ln w="57150">
            <a:solidFill>
              <a:schemeClr val="accent1"/>
            </a:solidFill>
            <a:prstDash val="dash"/>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nvGrpSpPr>
          <p:cNvPr id="29" name="Group 28">
            <a:extLst>
              <a:ext uri="{FF2B5EF4-FFF2-40B4-BE49-F238E27FC236}">
                <a16:creationId xmlns:a16="http://schemas.microsoft.com/office/drawing/2014/main" id="{12E34D6E-0AEE-DAE4-7226-40FC12DD5A75}"/>
              </a:ext>
            </a:extLst>
          </p:cNvPr>
          <p:cNvGrpSpPr/>
          <p:nvPr/>
        </p:nvGrpSpPr>
        <p:grpSpPr>
          <a:xfrm>
            <a:off x="264872" y="1333363"/>
            <a:ext cx="3719640" cy="1800000"/>
            <a:chOff x="348360" y="1834327"/>
            <a:chExt cx="3719640" cy="1800000"/>
          </a:xfrm>
        </p:grpSpPr>
        <p:grpSp>
          <p:nvGrpSpPr>
            <p:cNvPr id="27" name="Group 26">
              <a:extLst>
                <a:ext uri="{FF2B5EF4-FFF2-40B4-BE49-F238E27FC236}">
                  <a16:creationId xmlns:a16="http://schemas.microsoft.com/office/drawing/2014/main" id="{48F00D02-55F1-D7BF-82C5-D32DA7C2AA59}"/>
                </a:ext>
              </a:extLst>
            </p:cNvPr>
            <p:cNvGrpSpPr/>
            <p:nvPr/>
          </p:nvGrpSpPr>
          <p:grpSpPr>
            <a:xfrm>
              <a:off x="2268000" y="1834327"/>
              <a:ext cx="1800000" cy="1800000"/>
              <a:chOff x="2268000" y="1834327"/>
              <a:chExt cx="1800000" cy="1800000"/>
            </a:xfrm>
          </p:grpSpPr>
          <p:pic>
            <p:nvPicPr>
              <p:cNvPr id="9" name="Picture 8">
                <a:extLst>
                  <a:ext uri="{FF2B5EF4-FFF2-40B4-BE49-F238E27FC236}">
                    <a16:creationId xmlns:a16="http://schemas.microsoft.com/office/drawing/2014/main" id="{0AD8BBF3-026F-2ED1-6C56-00FC182042D9}"/>
                  </a:ext>
                </a:extLst>
              </p:cNvPr>
              <p:cNvPicPr>
                <a:picLocks noChangeAspect="1"/>
              </p:cNvPicPr>
              <p:nvPr/>
            </p:nvPicPr>
            <p:blipFill>
              <a:blip r:embed="rId4"/>
              <a:stretch>
                <a:fillRect/>
              </a:stretch>
            </p:blipFill>
            <p:spPr>
              <a:xfrm>
                <a:off x="2268000" y="1834327"/>
                <a:ext cx="1800000" cy="1800000"/>
              </a:xfrm>
              <a:prstGeom prst="rect">
                <a:avLst/>
              </a:prstGeom>
            </p:spPr>
          </p:pic>
          <p:sp>
            <p:nvSpPr>
              <p:cNvPr id="10" name="&quot;Not Allowed&quot; Symbol 9">
                <a:extLst>
                  <a:ext uri="{FF2B5EF4-FFF2-40B4-BE49-F238E27FC236}">
                    <a16:creationId xmlns:a16="http://schemas.microsoft.com/office/drawing/2014/main" id="{82F41726-6736-0CF2-AB80-C2A109D7C841}"/>
                  </a:ext>
                </a:extLst>
              </p:cNvPr>
              <p:cNvSpPr/>
              <p:nvPr/>
            </p:nvSpPr>
            <p:spPr bwMode="gray">
              <a:xfrm>
                <a:off x="2595155" y="2192286"/>
                <a:ext cx="1145690" cy="1084082"/>
              </a:xfrm>
              <a:prstGeom prst="noSmoking">
                <a:avLst/>
              </a:prstGeom>
              <a:solidFill>
                <a:schemeClr val="accent5">
                  <a:lumMod val="75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pic>
          <p:nvPicPr>
            <p:cNvPr id="7170" name="Picture 2">
              <a:extLst>
                <a:ext uri="{FF2B5EF4-FFF2-40B4-BE49-F238E27FC236}">
                  <a16:creationId xmlns:a16="http://schemas.microsoft.com/office/drawing/2014/main" id="{95F5D8F2-4467-283D-1890-14D08DE1A969}"/>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348360" y="1997629"/>
              <a:ext cx="2302863" cy="1473396"/>
            </a:xfrm>
            <a:prstGeom prst="rect">
              <a:avLst/>
            </a:prstGeom>
            <a:noFill/>
            <a:extLst>
              <a:ext uri="{909E8E84-426E-40DD-AFC4-6F175D3DCCD1}">
                <a14:hiddenFill xmlns:a14="http://schemas.microsoft.com/office/drawing/2010/main">
                  <a:solidFill>
                    <a:srgbClr val="FFFFFF"/>
                  </a:solidFill>
                </a14:hiddenFill>
              </a:ext>
            </a:extLst>
          </p:spPr>
        </p:pic>
      </p:grpSp>
      <p:sp>
        <p:nvSpPr>
          <p:cNvPr id="21" name="Rectangle: Rounded Corners 20">
            <a:extLst>
              <a:ext uri="{FF2B5EF4-FFF2-40B4-BE49-F238E27FC236}">
                <a16:creationId xmlns:a16="http://schemas.microsoft.com/office/drawing/2014/main" id="{74FF33BF-A894-5430-0D20-0E337BA1F73E}"/>
              </a:ext>
            </a:extLst>
          </p:cNvPr>
          <p:cNvSpPr/>
          <p:nvPr/>
        </p:nvSpPr>
        <p:spPr bwMode="gray">
          <a:xfrm>
            <a:off x="396692" y="3228975"/>
            <a:ext cx="3456000" cy="363481"/>
          </a:xfrm>
          <a:prstGeom prst="roundRect">
            <a:avLst/>
          </a:prstGeom>
          <a:solidFill>
            <a:schemeClr val="accent3">
              <a:lumMod val="75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a:ln>
                  <a:noFill/>
                </a:ln>
                <a:solidFill>
                  <a:schemeClr val="bg1"/>
                </a:solidFill>
                <a:effectLst/>
                <a:uLnTx/>
                <a:uFillTx/>
                <a:ea typeface="Arial Unicode MS" pitchFamily="34" charset="-128"/>
                <a:cs typeface="Arial Unicode MS" pitchFamily="34" charset="-128"/>
              </a:rPr>
              <a:t>Model not savable in TF 2.12</a:t>
            </a:r>
          </a:p>
        </p:txBody>
      </p:sp>
      <p:grpSp>
        <p:nvGrpSpPr>
          <p:cNvPr id="32" name="Group 31">
            <a:extLst>
              <a:ext uri="{FF2B5EF4-FFF2-40B4-BE49-F238E27FC236}">
                <a16:creationId xmlns:a16="http://schemas.microsoft.com/office/drawing/2014/main" id="{34458627-875A-7B17-80BD-CC6EA7E8B0FE}"/>
              </a:ext>
            </a:extLst>
          </p:cNvPr>
          <p:cNvGrpSpPr/>
          <p:nvPr/>
        </p:nvGrpSpPr>
        <p:grpSpPr>
          <a:xfrm>
            <a:off x="4497277" y="1333363"/>
            <a:ext cx="3563999" cy="2259093"/>
            <a:chOff x="4315238" y="1738715"/>
            <a:chExt cx="3563999" cy="2259093"/>
          </a:xfrm>
        </p:grpSpPr>
        <p:grpSp>
          <p:nvGrpSpPr>
            <p:cNvPr id="26" name="Group 25">
              <a:extLst>
                <a:ext uri="{FF2B5EF4-FFF2-40B4-BE49-F238E27FC236}">
                  <a16:creationId xmlns:a16="http://schemas.microsoft.com/office/drawing/2014/main" id="{EFC74961-3F4C-29DD-517C-89BF4226CE2B}"/>
                </a:ext>
              </a:extLst>
            </p:cNvPr>
            <p:cNvGrpSpPr/>
            <p:nvPr/>
          </p:nvGrpSpPr>
          <p:grpSpPr>
            <a:xfrm>
              <a:off x="4315238" y="1738715"/>
              <a:ext cx="3563999" cy="1800000"/>
              <a:chOff x="4315238" y="1753386"/>
              <a:chExt cx="3563999" cy="1800000"/>
            </a:xfrm>
          </p:grpSpPr>
          <p:pic>
            <p:nvPicPr>
              <p:cNvPr id="7172" name="Picture 4">
                <a:extLst>
                  <a:ext uri="{FF2B5EF4-FFF2-40B4-BE49-F238E27FC236}">
                    <a16:creationId xmlns:a16="http://schemas.microsoft.com/office/drawing/2014/main" id="{6D94AB5D-EDF8-0F88-3DA7-BCC0844E448E}"/>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4315238" y="1753386"/>
                <a:ext cx="1973333" cy="1800000"/>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11">
                <a:extLst>
                  <a:ext uri="{FF2B5EF4-FFF2-40B4-BE49-F238E27FC236}">
                    <a16:creationId xmlns:a16="http://schemas.microsoft.com/office/drawing/2014/main" id="{B146235F-F499-A84C-DCE5-0AC08B082B56}"/>
                  </a:ext>
                </a:extLst>
              </p:cNvPr>
              <p:cNvPicPr>
                <a:picLocks noChangeAspect="1"/>
              </p:cNvPicPr>
              <p:nvPr/>
            </p:nvPicPr>
            <p:blipFill>
              <a:blip r:embed="rId7"/>
              <a:stretch>
                <a:fillRect/>
              </a:stretch>
            </p:blipFill>
            <p:spPr>
              <a:xfrm>
                <a:off x="6079237" y="1753386"/>
                <a:ext cx="1800000" cy="1800000"/>
              </a:xfrm>
              <a:prstGeom prst="rect">
                <a:avLst/>
              </a:prstGeom>
            </p:spPr>
          </p:pic>
        </p:grpSp>
        <p:sp>
          <p:nvSpPr>
            <p:cNvPr id="22" name="Rectangle: Rounded Corners 21">
              <a:extLst>
                <a:ext uri="{FF2B5EF4-FFF2-40B4-BE49-F238E27FC236}">
                  <a16:creationId xmlns:a16="http://schemas.microsoft.com/office/drawing/2014/main" id="{970A85B1-2F60-258D-CDE9-43CF0073865F}"/>
                </a:ext>
              </a:extLst>
            </p:cNvPr>
            <p:cNvSpPr/>
            <p:nvPr/>
          </p:nvSpPr>
          <p:spPr bwMode="gray">
            <a:xfrm>
              <a:off x="4871444" y="3634327"/>
              <a:ext cx="2451586" cy="363481"/>
            </a:xfrm>
            <a:prstGeom prst="roundRect">
              <a:avLst/>
            </a:prstGeom>
            <a:solidFill>
              <a:schemeClr val="accent3">
                <a:lumMod val="75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a:ln>
                    <a:noFill/>
                  </a:ln>
                  <a:solidFill>
                    <a:schemeClr val="bg1"/>
                  </a:solidFill>
                  <a:effectLst/>
                  <a:uLnTx/>
                  <a:uFillTx/>
                  <a:ea typeface="Arial Unicode MS" pitchFamily="34" charset="-128"/>
                  <a:cs typeface="Arial Unicode MS" pitchFamily="34" charset="-128"/>
                </a:rPr>
                <a:t>Entries not found</a:t>
              </a:r>
            </a:p>
          </p:txBody>
        </p:sp>
      </p:grpSp>
      <p:grpSp>
        <p:nvGrpSpPr>
          <p:cNvPr id="38" name="Group 37">
            <a:extLst>
              <a:ext uri="{FF2B5EF4-FFF2-40B4-BE49-F238E27FC236}">
                <a16:creationId xmlns:a16="http://schemas.microsoft.com/office/drawing/2014/main" id="{E621B0A5-8649-2D06-8305-9D41A04DBF8D}"/>
              </a:ext>
            </a:extLst>
          </p:cNvPr>
          <p:cNvGrpSpPr/>
          <p:nvPr/>
        </p:nvGrpSpPr>
        <p:grpSpPr>
          <a:xfrm>
            <a:off x="8579699" y="1153363"/>
            <a:ext cx="3356265" cy="2439093"/>
            <a:chOff x="8579699" y="1558715"/>
            <a:chExt cx="3356265" cy="2439093"/>
          </a:xfrm>
        </p:grpSpPr>
        <p:sp>
          <p:nvSpPr>
            <p:cNvPr id="23" name="Rectangle: Rounded Corners 22">
              <a:extLst>
                <a:ext uri="{FF2B5EF4-FFF2-40B4-BE49-F238E27FC236}">
                  <a16:creationId xmlns:a16="http://schemas.microsoft.com/office/drawing/2014/main" id="{61AD5513-CA2A-9B29-F310-5CB2EDD5B7E5}"/>
                </a:ext>
              </a:extLst>
            </p:cNvPr>
            <p:cNvSpPr/>
            <p:nvPr/>
          </p:nvSpPr>
          <p:spPr bwMode="gray">
            <a:xfrm>
              <a:off x="8579699" y="3634327"/>
              <a:ext cx="3356265" cy="363481"/>
            </a:xfrm>
            <a:prstGeom prst="roundRect">
              <a:avLst/>
            </a:prstGeom>
            <a:solidFill>
              <a:schemeClr val="accent3">
                <a:lumMod val="75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a:ln>
                    <a:noFill/>
                  </a:ln>
                  <a:solidFill>
                    <a:schemeClr val="bg1"/>
                  </a:solidFill>
                  <a:effectLst/>
                  <a:uLnTx/>
                  <a:uFillTx/>
                  <a:ea typeface="Arial Unicode MS" pitchFamily="34" charset="-128"/>
                  <a:cs typeface="Arial Unicode MS" pitchFamily="34" charset="-128"/>
                </a:rPr>
                <a:t>Model Architecture</a:t>
              </a:r>
            </a:p>
          </p:txBody>
        </p:sp>
        <p:pic>
          <p:nvPicPr>
            <p:cNvPr id="25" name="Picture 24">
              <a:extLst>
                <a:ext uri="{FF2B5EF4-FFF2-40B4-BE49-F238E27FC236}">
                  <a16:creationId xmlns:a16="http://schemas.microsoft.com/office/drawing/2014/main" id="{AD59E873-5241-5B3A-D24D-0661EB247363}"/>
                </a:ext>
              </a:extLst>
            </p:cNvPr>
            <p:cNvPicPr>
              <a:picLocks noChangeAspect="1"/>
            </p:cNvPicPr>
            <p:nvPr/>
          </p:nvPicPr>
          <p:blipFill>
            <a:blip r:embed="rId8"/>
            <a:stretch>
              <a:fillRect/>
            </a:stretch>
          </p:blipFill>
          <p:spPr>
            <a:xfrm>
              <a:off x="9177831" y="1558715"/>
              <a:ext cx="2160000" cy="2160000"/>
            </a:xfrm>
            <a:prstGeom prst="rect">
              <a:avLst/>
            </a:prstGeom>
          </p:spPr>
        </p:pic>
      </p:grpSp>
      <p:sp>
        <p:nvSpPr>
          <p:cNvPr id="35" name="Arrow: Down 34">
            <a:extLst>
              <a:ext uri="{FF2B5EF4-FFF2-40B4-BE49-F238E27FC236}">
                <a16:creationId xmlns:a16="http://schemas.microsoft.com/office/drawing/2014/main" id="{F97FEB64-BAB1-0A4B-B905-583DB0DA2DC8}"/>
              </a:ext>
            </a:extLst>
          </p:cNvPr>
          <p:cNvSpPr/>
          <p:nvPr/>
        </p:nvSpPr>
        <p:spPr bwMode="gray">
          <a:xfrm>
            <a:off x="1851315" y="3860277"/>
            <a:ext cx="546754" cy="685110"/>
          </a:xfrm>
          <a:prstGeom prst="downArrow">
            <a:avLst/>
          </a:prstGeom>
          <a:solidFill>
            <a:schemeClr val="accent3">
              <a:lumMod val="75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6" name="Arrow: Down 35">
            <a:extLst>
              <a:ext uri="{FF2B5EF4-FFF2-40B4-BE49-F238E27FC236}">
                <a16:creationId xmlns:a16="http://schemas.microsoft.com/office/drawing/2014/main" id="{76C21352-985E-3109-5222-CB69D0B967E1}"/>
              </a:ext>
            </a:extLst>
          </p:cNvPr>
          <p:cNvSpPr/>
          <p:nvPr/>
        </p:nvSpPr>
        <p:spPr bwMode="gray">
          <a:xfrm>
            <a:off x="6005899" y="3860277"/>
            <a:ext cx="546754" cy="685110"/>
          </a:xfrm>
          <a:prstGeom prst="downArrow">
            <a:avLst/>
          </a:prstGeom>
          <a:solidFill>
            <a:schemeClr val="accent3">
              <a:lumMod val="75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7" name="Arrow: Down 36">
            <a:extLst>
              <a:ext uri="{FF2B5EF4-FFF2-40B4-BE49-F238E27FC236}">
                <a16:creationId xmlns:a16="http://schemas.microsoft.com/office/drawing/2014/main" id="{ED911E5A-5556-DA23-9E58-2DF9E1C0D69B}"/>
              </a:ext>
            </a:extLst>
          </p:cNvPr>
          <p:cNvSpPr/>
          <p:nvPr/>
        </p:nvSpPr>
        <p:spPr bwMode="gray">
          <a:xfrm>
            <a:off x="9984454" y="3860277"/>
            <a:ext cx="546754" cy="685110"/>
          </a:xfrm>
          <a:prstGeom prst="downArrow">
            <a:avLst/>
          </a:prstGeom>
          <a:solidFill>
            <a:schemeClr val="accent3">
              <a:lumMod val="75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39" name="Picture 38">
            <a:extLst>
              <a:ext uri="{FF2B5EF4-FFF2-40B4-BE49-F238E27FC236}">
                <a16:creationId xmlns:a16="http://schemas.microsoft.com/office/drawing/2014/main" id="{31FCDB71-0A7C-7B6A-73DA-2EA0B5DC8244}"/>
              </a:ext>
            </a:extLst>
          </p:cNvPr>
          <p:cNvPicPr>
            <a:picLocks noChangeAspect="1"/>
          </p:cNvPicPr>
          <p:nvPr/>
        </p:nvPicPr>
        <p:blipFill>
          <a:blip r:embed="rId9"/>
          <a:stretch>
            <a:fillRect/>
          </a:stretch>
        </p:blipFill>
        <p:spPr>
          <a:xfrm>
            <a:off x="11293151" y="-9748"/>
            <a:ext cx="980725" cy="980725"/>
          </a:xfrm>
          <a:prstGeom prst="rect">
            <a:avLst/>
          </a:prstGeom>
        </p:spPr>
      </p:pic>
    </p:spTree>
    <p:custDataLst>
      <p:custData r:id="rId1"/>
      <p:custData r:id="rId2"/>
    </p:custDataLst>
    <p:extLst>
      <p:ext uri="{BB962C8B-B14F-4D97-AF65-F5344CB8AC3E}">
        <p14:creationId xmlns:p14="http://schemas.microsoft.com/office/powerpoint/2010/main" val="77531858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p:txBody>
          <a:bodyPr/>
          <a:lstStyle/>
          <a:p>
            <a:r>
              <a:rPr lang="en-US"/>
              <a:t>Conclusion</a:t>
            </a:r>
          </a:p>
        </p:txBody>
      </p:sp>
      <p:cxnSp>
        <p:nvCxnSpPr>
          <p:cNvPr id="8" name="Straight Connector 7">
            <a:extLst>
              <a:ext uri="{FF2B5EF4-FFF2-40B4-BE49-F238E27FC236}">
                <a16:creationId xmlns:a16="http://schemas.microsoft.com/office/drawing/2014/main" id="{E78BA74A-C632-0A23-4102-03335362FC62}"/>
              </a:ext>
            </a:extLst>
          </p:cNvPr>
          <p:cNvCxnSpPr>
            <a:cxnSpLocks/>
          </p:cNvCxnSpPr>
          <p:nvPr/>
        </p:nvCxnSpPr>
        <p:spPr>
          <a:xfrm>
            <a:off x="6283228" y="1300765"/>
            <a:ext cx="0" cy="4680000"/>
          </a:xfrm>
          <a:prstGeom prst="line">
            <a:avLst/>
          </a:prstGeom>
          <a:ln w="57150">
            <a:solidFill>
              <a:schemeClr val="accent1"/>
            </a:solidFill>
            <a:prstDash val="dash"/>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6" name="Rectangle: Rounded Corners 5">
            <a:extLst>
              <a:ext uri="{FF2B5EF4-FFF2-40B4-BE49-F238E27FC236}">
                <a16:creationId xmlns:a16="http://schemas.microsoft.com/office/drawing/2014/main" id="{89174401-CE00-2EB9-089F-686EB063F7D3}"/>
              </a:ext>
            </a:extLst>
          </p:cNvPr>
          <p:cNvSpPr/>
          <p:nvPr/>
        </p:nvSpPr>
        <p:spPr bwMode="gray">
          <a:xfrm>
            <a:off x="8339274" y="1198901"/>
            <a:ext cx="1953296" cy="455054"/>
          </a:xfrm>
          <a:prstGeom prst="roundRect">
            <a:avLst/>
          </a:prstGeom>
          <a:solidFill>
            <a:schemeClr val="accent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1" i="0" u="none" strike="noStrike" kern="0" cap="none" spc="0" normalizeH="0" baseline="0" noProof="0">
                <a:ln>
                  <a:noFill/>
                </a:ln>
                <a:effectLst/>
                <a:uLnTx/>
                <a:uFillTx/>
                <a:ea typeface="Arial Unicode MS" pitchFamily="34" charset="-128"/>
                <a:cs typeface="Arial Unicode MS" pitchFamily="34" charset="-128"/>
              </a:rPr>
              <a:t>Outlook</a:t>
            </a:r>
          </a:p>
        </p:txBody>
      </p:sp>
      <p:grpSp>
        <p:nvGrpSpPr>
          <p:cNvPr id="23" name="Group 22">
            <a:extLst>
              <a:ext uri="{FF2B5EF4-FFF2-40B4-BE49-F238E27FC236}">
                <a16:creationId xmlns:a16="http://schemas.microsoft.com/office/drawing/2014/main" id="{3CE3BB3E-4AD6-874D-BF66-0269D2B58DFD}"/>
              </a:ext>
            </a:extLst>
          </p:cNvPr>
          <p:cNvGrpSpPr/>
          <p:nvPr/>
        </p:nvGrpSpPr>
        <p:grpSpPr>
          <a:xfrm>
            <a:off x="6761237" y="2519389"/>
            <a:ext cx="5109369" cy="2505501"/>
            <a:chOff x="6761237" y="2382297"/>
            <a:chExt cx="5109369" cy="2505501"/>
          </a:xfrm>
        </p:grpSpPr>
        <p:sp>
          <p:nvSpPr>
            <p:cNvPr id="4" name="Text Placeholder 1">
              <a:extLst>
                <a:ext uri="{FF2B5EF4-FFF2-40B4-BE49-F238E27FC236}">
                  <a16:creationId xmlns:a16="http://schemas.microsoft.com/office/drawing/2014/main" id="{7F34B55A-2E1F-5490-5FCD-FE83FA825A49}"/>
                </a:ext>
              </a:extLst>
            </p:cNvPr>
            <p:cNvSpPr txBox="1">
              <a:spLocks/>
            </p:cNvSpPr>
            <p:nvPr/>
          </p:nvSpPr>
          <p:spPr bwMode="black">
            <a:xfrm>
              <a:off x="6761237" y="2382297"/>
              <a:ext cx="3146333" cy="2505501"/>
            </a:xfrm>
            <a:prstGeom prst="rect">
              <a:avLst/>
            </a:prstGeom>
          </p:spPr>
          <p:txBody>
            <a:bodyPr vert="horz" lIns="0" tIns="0" rIns="0" bIns="0" rtlCol="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342900" indent="-342900">
                <a:buFont typeface="Arial" panose="020B0604020202020204" pitchFamily="34" charset="0"/>
                <a:buChar char="•"/>
              </a:pPr>
              <a:r>
                <a:rPr lang="en-US" sz="2400"/>
                <a:t>Bird Detection</a:t>
              </a:r>
            </a:p>
            <a:p>
              <a:pPr marL="342900" indent="-342900">
                <a:buFont typeface="Arial" panose="020B0604020202020204" pitchFamily="34" charset="0"/>
                <a:buChar char="•"/>
              </a:pPr>
              <a:r>
                <a:rPr lang="en-US" sz="2400"/>
                <a:t>Live Classification</a:t>
              </a:r>
            </a:p>
            <a:p>
              <a:pPr marL="342900" indent="-342900">
                <a:buFont typeface="Arial" panose="020B0604020202020204" pitchFamily="34" charset="0"/>
                <a:buChar char="•"/>
              </a:pPr>
              <a:r>
                <a:rPr lang="en-US" sz="2400"/>
                <a:t>Performance Boost</a:t>
              </a:r>
            </a:p>
            <a:p>
              <a:pPr marL="522864" lvl="1" indent="-342900">
                <a:buFont typeface="Arial" panose="020B0604020202020204" pitchFamily="34" charset="0"/>
                <a:buChar char="•"/>
              </a:pPr>
              <a:r>
                <a:rPr lang="en-US" sz="2000"/>
                <a:t>Try different models</a:t>
              </a:r>
            </a:p>
            <a:p>
              <a:pPr marL="522864" lvl="1" indent="-342900">
                <a:buFont typeface="Arial" panose="020B0604020202020204" pitchFamily="34" charset="0"/>
                <a:buChar char="•"/>
              </a:pPr>
              <a:r>
                <a:rPr lang="en-US" sz="2000"/>
                <a:t>Focus on female birds</a:t>
              </a:r>
            </a:p>
          </p:txBody>
        </p:sp>
        <p:pic>
          <p:nvPicPr>
            <p:cNvPr id="12" name="Picture 11">
              <a:extLst>
                <a:ext uri="{FF2B5EF4-FFF2-40B4-BE49-F238E27FC236}">
                  <a16:creationId xmlns:a16="http://schemas.microsoft.com/office/drawing/2014/main" id="{5211755B-A487-6DF2-6AE4-944BDC475FEF}"/>
                </a:ext>
              </a:extLst>
            </p:cNvPr>
            <p:cNvPicPr>
              <a:picLocks noChangeAspect="1"/>
            </p:cNvPicPr>
            <p:nvPr/>
          </p:nvPicPr>
          <p:blipFill>
            <a:blip r:embed="rId4"/>
            <a:stretch>
              <a:fillRect/>
            </a:stretch>
          </p:blipFill>
          <p:spPr>
            <a:xfrm>
              <a:off x="10072345" y="2735047"/>
              <a:ext cx="1798261" cy="1800000"/>
            </a:xfrm>
            <a:prstGeom prst="rect">
              <a:avLst/>
            </a:prstGeom>
          </p:spPr>
        </p:pic>
      </p:grpSp>
      <p:pic>
        <p:nvPicPr>
          <p:cNvPr id="13" name="Picture 12">
            <a:extLst>
              <a:ext uri="{FF2B5EF4-FFF2-40B4-BE49-F238E27FC236}">
                <a16:creationId xmlns:a16="http://schemas.microsoft.com/office/drawing/2014/main" id="{2E35CE4A-39EF-3067-7600-48A868FEE6B8}"/>
              </a:ext>
            </a:extLst>
          </p:cNvPr>
          <p:cNvPicPr>
            <a:picLocks noChangeAspect="1"/>
          </p:cNvPicPr>
          <p:nvPr/>
        </p:nvPicPr>
        <p:blipFill>
          <a:blip r:embed="rId5"/>
          <a:stretch>
            <a:fillRect/>
          </a:stretch>
        </p:blipFill>
        <p:spPr>
          <a:xfrm>
            <a:off x="11293151" y="-9748"/>
            <a:ext cx="980725" cy="980725"/>
          </a:xfrm>
          <a:prstGeom prst="rect">
            <a:avLst/>
          </a:prstGeom>
        </p:spPr>
      </p:pic>
      <p:sp>
        <p:nvSpPr>
          <p:cNvPr id="5" name="Rectangle: Rounded Corners 4">
            <a:extLst>
              <a:ext uri="{FF2B5EF4-FFF2-40B4-BE49-F238E27FC236}">
                <a16:creationId xmlns:a16="http://schemas.microsoft.com/office/drawing/2014/main" id="{81426929-5CE4-BF81-1073-60DD89EFAE7C}"/>
              </a:ext>
            </a:extLst>
          </p:cNvPr>
          <p:cNvSpPr/>
          <p:nvPr/>
        </p:nvSpPr>
        <p:spPr bwMode="gray">
          <a:xfrm>
            <a:off x="2046182" y="1198901"/>
            <a:ext cx="1953296" cy="455054"/>
          </a:xfrm>
          <a:prstGeom prst="roundRect">
            <a:avLst/>
          </a:prstGeom>
          <a:solidFill>
            <a:schemeClr val="accent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1" i="0" u="none" strike="noStrike" kern="0" cap="none" spc="0" normalizeH="0" baseline="0" noProof="0">
                <a:ln>
                  <a:noFill/>
                </a:ln>
                <a:effectLst/>
                <a:uLnTx/>
                <a:uFillTx/>
                <a:ea typeface="Arial Unicode MS" pitchFamily="34" charset="-128"/>
                <a:cs typeface="Arial Unicode MS" pitchFamily="34" charset="-128"/>
              </a:rPr>
              <a:t>Summary</a:t>
            </a:r>
          </a:p>
        </p:txBody>
      </p:sp>
      <p:grpSp>
        <p:nvGrpSpPr>
          <p:cNvPr id="22" name="Group 21">
            <a:extLst>
              <a:ext uri="{FF2B5EF4-FFF2-40B4-BE49-F238E27FC236}">
                <a16:creationId xmlns:a16="http://schemas.microsoft.com/office/drawing/2014/main" id="{4CDFD43D-9721-E526-8A8F-2465B75FDAFA}"/>
              </a:ext>
            </a:extLst>
          </p:cNvPr>
          <p:cNvGrpSpPr/>
          <p:nvPr/>
        </p:nvGrpSpPr>
        <p:grpSpPr>
          <a:xfrm>
            <a:off x="240442" y="1941369"/>
            <a:ext cx="5564776" cy="3661541"/>
            <a:chOff x="240442" y="1941369"/>
            <a:chExt cx="5564776" cy="3661541"/>
          </a:xfrm>
        </p:grpSpPr>
        <p:sp>
          <p:nvSpPr>
            <p:cNvPr id="9" name="Left Brace 8">
              <a:extLst>
                <a:ext uri="{FF2B5EF4-FFF2-40B4-BE49-F238E27FC236}">
                  <a16:creationId xmlns:a16="http://schemas.microsoft.com/office/drawing/2014/main" id="{960613D8-7272-BD8E-3986-6AC663787F4A}"/>
                </a:ext>
              </a:extLst>
            </p:cNvPr>
            <p:cNvSpPr/>
            <p:nvPr/>
          </p:nvSpPr>
          <p:spPr>
            <a:xfrm rot="16200000">
              <a:off x="2781030" y="2010866"/>
              <a:ext cx="483600" cy="4722821"/>
            </a:xfrm>
            <a:prstGeom prst="leftBrace">
              <a:avLst/>
            </a:prstGeom>
            <a:ln w="381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e-DE"/>
            </a:p>
          </p:txBody>
        </p:sp>
        <p:pic>
          <p:nvPicPr>
            <p:cNvPr id="6146" name="Picture 2" descr="Press and Media Resources - Docker">
              <a:extLst>
                <a:ext uri="{FF2B5EF4-FFF2-40B4-BE49-F238E27FC236}">
                  <a16:creationId xmlns:a16="http://schemas.microsoft.com/office/drawing/2014/main" id="{7AF353A9-7D02-277B-D9B9-2A47D448686C}"/>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200324" y="4665881"/>
              <a:ext cx="3645012" cy="937029"/>
            </a:xfrm>
            <a:prstGeom prst="rect">
              <a:avLst/>
            </a:prstGeom>
            <a:noFill/>
            <a:extLst>
              <a:ext uri="{909E8E84-426E-40DD-AFC4-6F175D3DCCD1}">
                <a14:hiddenFill xmlns:a14="http://schemas.microsoft.com/office/drawing/2010/main">
                  <a:solidFill>
                    <a:srgbClr val="FFFFFF"/>
                  </a:solidFill>
                </a14:hiddenFill>
              </a:ext>
            </a:extLst>
          </p:spPr>
        </p:pic>
        <p:grpSp>
          <p:nvGrpSpPr>
            <p:cNvPr id="18" name="Group 17">
              <a:extLst>
                <a:ext uri="{FF2B5EF4-FFF2-40B4-BE49-F238E27FC236}">
                  <a16:creationId xmlns:a16="http://schemas.microsoft.com/office/drawing/2014/main" id="{0AFB642A-99A9-E1D0-9AF2-D740F78C99A6}"/>
                </a:ext>
              </a:extLst>
            </p:cNvPr>
            <p:cNvGrpSpPr/>
            <p:nvPr/>
          </p:nvGrpSpPr>
          <p:grpSpPr>
            <a:xfrm>
              <a:off x="240442" y="1941369"/>
              <a:ext cx="5564776" cy="1800000"/>
              <a:chOff x="240442" y="1941369"/>
              <a:chExt cx="5564776" cy="1800000"/>
            </a:xfrm>
          </p:grpSpPr>
          <p:pic>
            <p:nvPicPr>
              <p:cNvPr id="11" name="Picture 10">
                <a:extLst>
                  <a:ext uri="{FF2B5EF4-FFF2-40B4-BE49-F238E27FC236}">
                    <a16:creationId xmlns:a16="http://schemas.microsoft.com/office/drawing/2014/main" id="{7DABBD85-BA7B-467E-3144-33B30D11A4B1}"/>
                  </a:ext>
                </a:extLst>
              </p:cNvPr>
              <p:cNvPicPr>
                <a:picLocks noChangeAspect="1"/>
              </p:cNvPicPr>
              <p:nvPr/>
            </p:nvPicPr>
            <p:blipFill>
              <a:blip r:embed="rId7"/>
              <a:stretch>
                <a:fillRect/>
              </a:stretch>
            </p:blipFill>
            <p:spPr>
              <a:xfrm>
                <a:off x="240442" y="1941369"/>
                <a:ext cx="1800000" cy="1800000"/>
              </a:xfrm>
              <a:prstGeom prst="rect">
                <a:avLst/>
              </a:prstGeom>
            </p:spPr>
          </p:pic>
          <p:pic>
            <p:nvPicPr>
              <p:cNvPr id="15" name="Picture 14">
                <a:extLst>
                  <a:ext uri="{FF2B5EF4-FFF2-40B4-BE49-F238E27FC236}">
                    <a16:creationId xmlns:a16="http://schemas.microsoft.com/office/drawing/2014/main" id="{617DF4D7-2C4D-73B4-F3E4-4385A52B531D}"/>
                  </a:ext>
                </a:extLst>
              </p:cNvPr>
              <p:cNvPicPr>
                <a:picLocks noChangeAspect="1"/>
              </p:cNvPicPr>
              <p:nvPr/>
            </p:nvPicPr>
            <p:blipFill>
              <a:blip r:embed="rId8"/>
              <a:stretch>
                <a:fillRect/>
              </a:stretch>
            </p:blipFill>
            <p:spPr>
              <a:xfrm>
                <a:off x="2122830" y="1941369"/>
                <a:ext cx="1800000" cy="1800000"/>
              </a:xfrm>
              <a:prstGeom prst="rect">
                <a:avLst/>
              </a:prstGeom>
            </p:spPr>
          </p:pic>
          <p:pic>
            <p:nvPicPr>
              <p:cNvPr id="17" name="Picture 16">
                <a:extLst>
                  <a:ext uri="{FF2B5EF4-FFF2-40B4-BE49-F238E27FC236}">
                    <a16:creationId xmlns:a16="http://schemas.microsoft.com/office/drawing/2014/main" id="{C6CD3252-5291-52FA-602E-A4633B22E099}"/>
                  </a:ext>
                </a:extLst>
              </p:cNvPr>
              <p:cNvPicPr>
                <a:picLocks noChangeAspect="1"/>
              </p:cNvPicPr>
              <p:nvPr/>
            </p:nvPicPr>
            <p:blipFill>
              <a:blip r:embed="rId9"/>
              <a:stretch>
                <a:fillRect/>
              </a:stretch>
            </p:blipFill>
            <p:spPr>
              <a:xfrm>
                <a:off x="4005218" y="1941369"/>
                <a:ext cx="1800000" cy="1800000"/>
              </a:xfrm>
              <a:prstGeom prst="rect">
                <a:avLst/>
              </a:prstGeom>
            </p:spPr>
          </p:pic>
        </p:grpSp>
      </p:grpSp>
    </p:spTree>
    <p:custDataLst>
      <p:custData r:id="rId1"/>
      <p:custData r:id="rId2"/>
    </p:custDataLst>
    <p:extLst>
      <p:ext uri="{BB962C8B-B14F-4D97-AF65-F5344CB8AC3E}">
        <p14:creationId xmlns:p14="http://schemas.microsoft.com/office/powerpoint/2010/main" val="47157256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5F253D4B-DCBF-0B4C-849A-D37213C20E21}"/>
              </a:ext>
            </a:extLst>
          </p:cNvPr>
          <p:cNvSpPr>
            <a:spLocks noGrp="1"/>
          </p:cNvSpPr>
          <p:nvPr>
            <p:ph type="ctrTitle"/>
          </p:nvPr>
        </p:nvSpPr>
        <p:spPr>
          <a:xfrm>
            <a:off x="504000" y="3090446"/>
            <a:ext cx="11185200" cy="677108"/>
          </a:xfrm>
        </p:spPr>
        <p:txBody>
          <a:bodyPr wrap="square" anchor="ctr">
            <a:noAutofit/>
          </a:bodyPr>
          <a:lstStyle/>
          <a:p>
            <a:r>
              <a:rPr lang="en-US"/>
              <a:t>Q &amp; A</a:t>
            </a:r>
          </a:p>
        </p:txBody>
      </p:sp>
      <p:grpSp>
        <p:nvGrpSpPr>
          <p:cNvPr id="2" name="Picture 2">
            <a:extLst>
              <a:ext uri="{FF2B5EF4-FFF2-40B4-BE49-F238E27FC236}">
                <a16:creationId xmlns:a16="http://schemas.microsoft.com/office/drawing/2014/main" id="{9ACCB320-9CD7-D642-AAEB-F5F9E1C8B4D3}"/>
              </a:ext>
              <a:ext uri="{C183D7F6-B498-43B3-948B-1728B52AA6E4}">
                <adec:decorative xmlns:adec="http://schemas.microsoft.com/office/drawing/2017/decorative" val="1"/>
              </a:ext>
            </a:extLst>
          </p:cNvPr>
          <p:cNvGrpSpPr/>
          <p:nvPr/>
        </p:nvGrpSpPr>
        <p:grpSpPr>
          <a:xfrm>
            <a:off x="6097589" y="873564"/>
            <a:ext cx="5110875" cy="5110875"/>
            <a:chOff x="6097588" y="872897"/>
            <a:chExt cx="5112206" cy="5112206"/>
          </a:xfrm>
        </p:grpSpPr>
        <p:sp>
          <p:nvSpPr>
            <p:cNvPr id="4" name="Freeform 3">
              <a:extLst>
                <a:ext uri="{FF2B5EF4-FFF2-40B4-BE49-F238E27FC236}">
                  <a16:creationId xmlns:a16="http://schemas.microsoft.com/office/drawing/2014/main" id="{789250B6-F037-7042-98FA-F6FF8EF40BC0}"/>
                </a:ext>
              </a:extLst>
            </p:cNvPr>
            <p:cNvSpPr/>
            <p:nvPr/>
          </p:nvSpPr>
          <p:spPr>
            <a:xfrm>
              <a:off x="7344696" y="1488179"/>
              <a:ext cx="1397120" cy="1394261"/>
            </a:xfrm>
            <a:custGeom>
              <a:avLst/>
              <a:gdLst>
                <a:gd name="connsiteX0" fmla="*/ 1385464 w 1397120"/>
                <a:gd name="connsiteY0" fmla="*/ 629327 h 1394261"/>
                <a:gd name="connsiteX1" fmla="*/ 1380991 w 1397120"/>
                <a:gd name="connsiteY1" fmla="*/ 610795 h 1394261"/>
                <a:gd name="connsiteX2" fmla="*/ 1206324 w 1397120"/>
                <a:gd name="connsiteY2" fmla="*/ 436341 h 1394261"/>
                <a:gd name="connsiteX3" fmla="*/ 1082566 w 1397120"/>
                <a:gd name="connsiteY3" fmla="*/ 312370 h 1394261"/>
                <a:gd name="connsiteX4" fmla="*/ 1082566 w 1397120"/>
                <a:gd name="connsiteY4" fmla="*/ 312370 h 1394261"/>
                <a:gd name="connsiteX5" fmla="*/ 841441 w 1397120"/>
                <a:gd name="connsiteY5" fmla="*/ 71032 h 1394261"/>
                <a:gd name="connsiteX6" fmla="*/ 841441 w 1397120"/>
                <a:gd name="connsiteY6" fmla="*/ 71032 h 1394261"/>
                <a:gd name="connsiteX7" fmla="*/ 810128 w 1397120"/>
                <a:gd name="connsiteY7" fmla="*/ 45044 h 1394261"/>
                <a:gd name="connsiteX8" fmla="*/ 652715 w 1397120"/>
                <a:gd name="connsiteY8" fmla="*/ 100 h 1394261"/>
                <a:gd name="connsiteX9" fmla="*/ 214130 w 1397120"/>
                <a:gd name="connsiteY9" fmla="*/ 214173 h 1394261"/>
                <a:gd name="connsiteX10" fmla="*/ 14115 w 1397120"/>
                <a:gd name="connsiteY10" fmla="*/ 547106 h 1394261"/>
                <a:gd name="connsiteX11" fmla="*/ 70562 w 1397120"/>
                <a:gd name="connsiteY11" fmla="*/ 840845 h 1394261"/>
                <a:gd name="connsiteX12" fmla="*/ 70562 w 1397120"/>
                <a:gd name="connsiteY12" fmla="*/ 840845 h 1394261"/>
                <a:gd name="connsiteX13" fmla="*/ 70562 w 1397120"/>
                <a:gd name="connsiteY13" fmla="*/ 840845 h 1394261"/>
                <a:gd name="connsiteX14" fmla="*/ 312114 w 1397120"/>
                <a:gd name="connsiteY14" fmla="*/ 1082609 h 1394261"/>
                <a:gd name="connsiteX15" fmla="*/ 312114 w 1397120"/>
                <a:gd name="connsiteY15" fmla="*/ 1082609 h 1394261"/>
                <a:gd name="connsiteX16" fmla="*/ 482521 w 1397120"/>
                <a:gd name="connsiteY16" fmla="*/ 1253016 h 1394261"/>
                <a:gd name="connsiteX17" fmla="*/ 553027 w 1397120"/>
                <a:gd name="connsiteY17" fmla="*/ 1323522 h 1394261"/>
                <a:gd name="connsiteX18" fmla="*/ 553027 w 1397120"/>
                <a:gd name="connsiteY18" fmla="*/ 1323522 h 1394261"/>
                <a:gd name="connsiteX19" fmla="*/ 608835 w 1397120"/>
                <a:gd name="connsiteY19" fmla="*/ 1379330 h 1394261"/>
                <a:gd name="connsiteX20" fmla="*/ 740900 w 1397120"/>
                <a:gd name="connsiteY20" fmla="*/ 1393815 h 1394261"/>
                <a:gd name="connsiteX21" fmla="*/ 740900 w 1397120"/>
                <a:gd name="connsiteY21" fmla="*/ 1393815 h 1394261"/>
                <a:gd name="connsiteX22" fmla="*/ 794579 w 1397120"/>
                <a:gd name="connsiteY22" fmla="*/ 1389981 h 1394261"/>
                <a:gd name="connsiteX23" fmla="*/ 1179485 w 1397120"/>
                <a:gd name="connsiteY23" fmla="*/ 1179741 h 1394261"/>
                <a:gd name="connsiteX24" fmla="*/ 1385464 w 1397120"/>
                <a:gd name="connsiteY24" fmla="*/ 629327 h 13942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397120" h="1394261">
                  <a:moveTo>
                    <a:pt x="1385464" y="629327"/>
                  </a:moveTo>
                  <a:cubicBezTo>
                    <a:pt x="1384817" y="622976"/>
                    <a:pt x="1383312" y="616742"/>
                    <a:pt x="1380991" y="610795"/>
                  </a:cubicBezTo>
                  <a:lnTo>
                    <a:pt x="1206324" y="436341"/>
                  </a:lnTo>
                  <a:lnTo>
                    <a:pt x="1082566" y="312370"/>
                  </a:lnTo>
                  <a:lnTo>
                    <a:pt x="1082566" y="312370"/>
                  </a:lnTo>
                  <a:lnTo>
                    <a:pt x="841441" y="71032"/>
                  </a:lnTo>
                  <a:lnTo>
                    <a:pt x="841441" y="71032"/>
                  </a:lnTo>
                  <a:lnTo>
                    <a:pt x="810128" y="45044"/>
                  </a:lnTo>
                  <a:cubicBezTo>
                    <a:pt x="763505" y="14280"/>
                    <a:pt x="708553" y="-1410"/>
                    <a:pt x="652715" y="100"/>
                  </a:cubicBezTo>
                  <a:cubicBezTo>
                    <a:pt x="512129" y="100"/>
                    <a:pt x="348113" y="80191"/>
                    <a:pt x="214130" y="214173"/>
                  </a:cubicBezTo>
                  <a:cubicBezTo>
                    <a:pt x="119214" y="305530"/>
                    <a:pt x="50200" y="420406"/>
                    <a:pt x="14115" y="547106"/>
                  </a:cubicBezTo>
                  <a:cubicBezTo>
                    <a:pt x="-16771" y="668947"/>
                    <a:pt x="3465" y="773108"/>
                    <a:pt x="70562" y="840845"/>
                  </a:cubicBezTo>
                  <a:lnTo>
                    <a:pt x="70562" y="840845"/>
                  </a:lnTo>
                  <a:lnTo>
                    <a:pt x="70562" y="840845"/>
                  </a:lnTo>
                  <a:lnTo>
                    <a:pt x="312114" y="1082609"/>
                  </a:lnTo>
                  <a:lnTo>
                    <a:pt x="312114" y="1082609"/>
                  </a:lnTo>
                  <a:lnTo>
                    <a:pt x="482521" y="1253016"/>
                  </a:lnTo>
                  <a:lnTo>
                    <a:pt x="553027" y="1323522"/>
                  </a:lnTo>
                  <a:lnTo>
                    <a:pt x="553027" y="1323522"/>
                  </a:lnTo>
                  <a:lnTo>
                    <a:pt x="608835" y="1379330"/>
                  </a:lnTo>
                  <a:cubicBezTo>
                    <a:pt x="651843" y="1390956"/>
                    <a:pt x="696395" y="1395843"/>
                    <a:pt x="740900" y="1393815"/>
                  </a:cubicBezTo>
                  <a:lnTo>
                    <a:pt x="740900" y="1393815"/>
                  </a:lnTo>
                  <a:cubicBezTo>
                    <a:pt x="758860" y="1393780"/>
                    <a:pt x="776796" y="1392498"/>
                    <a:pt x="794579" y="1389981"/>
                  </a:cubicBezTo>
                  <a:cubicBezTo>
                    <a:pt x="922384" y="1372940"/>
                    <a:pt x="1062117" y="1297109"/>
                    <a:pt x="1179485" y="1179741"/>
                  </a:cubicBezTo>
                  <a:cubicBezTo>
                    <a:pt x="1438291" y="923066"/>
                    <a:pt x="1401866" y="694934"/>
                    <a:pt x="1385464" y="629327"/>
                  </a:cubicBezTo>
                  <a:close/>
                </a:path>
              </a:pathLst>
            </a:custGeom>
            <a:solidFill>
              <a:srgbClr val="008FD3"/>
            </a:solidFill>
            <a:ln w="21273"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pPr defTabSz="1088449"/>
              <a:endParaRPr lang="en-US" sz="2099">
                <a:solidFill>
                  <a:srgbClr val="000000"/>
                </a:solidFill>
              </a:endParaRPr>
            </a:p>
          </p:txBody>
        </p:sp>
        <p:sp>
          <p:nvSpPr>
            <p:cNvPr id="5" name="Freeform 4">
              <a:extLst>
                <a:ext uri="{FF2B5EF4-FFF2-40B4-BE49-F238E27FC236}">
                  <a16:creationId xmlns:a16="http://schemas.microsoft.com/office/drawing/2014/main" id="{8FA60A41-DD5A-E149-89C1-3427BC5DF13A}"/>
                </a:ext>
              </a:extLst>
            </p:cNvPr>
            <p:cNvSpPr/>
            <p:nvPr/>
          </p:nvSpPr>
          <p:spPr>
            <a:xfrm>
              <a:off x="7898788" y="2042527"/>
              <a:ext cx="842741" cy="840978"/>
            </a:xfrm>
            <a:custGeom>
              <a:avLst/>
              <a:gdLst>
                <a:gd name="connsiteX0" fmla="*/ 187874 w 842741"/>
                <a:gd name="connsiteY0" fmla="*/ 840532 h 840978"/>
                <a:gd name="connsiteX1" fmla="*/ 187874 w 842741"/>
                <a:gd name="connsiteY1" fmla="*/ 840532 h 840978"/>
                <a:gd name="connsiteX2" fmla="*/ 626458 w 842741"/>
                <a:gd name="connsiteY2" fmla="*/ 626458 h 840978"/>
                <a:gd name="connsiteX3" fmla="*/ 826899 w 842741"/>
                <a:gd name="connsiteY3" fmla="*/ 56447 h 840978"/>
                <a:gd name="connsiteX4" fmla="*/ 770239 w 842741"/>
                <a:gd name="connsiteY4" fmla="*/ 0 h 840978"/>
                <a:gd name="connsiteX5" fmla="*/ 0 w 842741"/>
                <a:gd name="connsiteY5" fmla="*/ 770239 h 840978"/>
                <a:gd name="connsiteX6" fmla="*/ 55808 w 842741"/>
                <a:gd name="connsiteY6" fmla="*/ 826047 h 840978"/>
                <a:gd name="connsiteX7" fmla="*/ 187874 w 842741"/>
                <a:gd name="connsiteY7" fmla="*/ 840532 h 840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842741" h="840978">
                  <a:moveTo>
                    <a:pt x="187874" y="840532"/>
                  </a:moveTo>
                  <a:lnTo>
                    <a:pt x="187874" y="840532"/>
                  </a:lnTo>
                  <a:cubicBezTo>
                    <a:pt x="328459" y="840532"/>
                    <a:pt x="492476" y="760441"/>
                    <a:pt x="626458" y="626458"/>
                  </a:cubicBezTo>
                  <a:cubicBezTo>
                    <a:pt x="938942" y="313762"/>
                    <a:pt x="818166" y="44519"/>
                    <a:pt x="826899" y="56447"/>
                  </a:cubicBezTo>
                  <a:lnTo>
                    <a:pt x="770239" y="0"/>
                  </a:lnTo>
                  <a:lnTo>
                    <a:pt x="0" y="770239"/>
                  </a:lnTo>
                  <a:lnTo>
                    <a:pt x="55808" y="826047"/>
                  </a:lnTo>
                  <a:cubicBezTo>
                    <a:pt x="98817" y="837674"/>
                    <a:pt x="143368" y="842560"/>
                    <a:pt x="187874" y="840532"/>
                  </a:cubicBezTo>
                  <a:close/>
                </a:path>
              </a:pathLst>
            </a:custGeom>
            <a:solidFill>
              <a:srgbClr val="F0AB00"/>
            </a:solidFill>
            <a:ln w="21273"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pPr defTabSz="1088449"/>
              <a:endParaRPr lang="en-US" sz="2099">
                <a:solidFill>
                  <a:srgbClr val="000000"/>
                </a:solidFill>
              </a:endParaRPr>
            </a:p>
          </p:txBody>
        </p:sp>
        <p:sp>
          <p:nvSpPr>
            <p:cNvPr id="6" name="Freeform 5">
              <a:extLst>
                <a:ext uri="{FF2B5EF4-FFF2-40B4-BE49-F238E27FC236}">
                  <a16:creationId xmlns:a16="http://schemas.microsoft.com/office/drawing/2014/main" id="{E0B4B294-EE59-BC4C-8267-2C43154B6FD1}"/>
                </a:ext>
              </a:extLst>
            </p:cNvPr>
            <p:cNvSpPr/>
            <p:nvPr/>
          </p:nvSpPr>
          <p:spPr>
            <a:xfrm rot="-2699400">
              <a:off x="7618258" y="2135921"/>
              <a:ext cx="1089325" cy="341665"/>
            </a:xfrm>
            <a:custGeom>
              <a:avLst/>
              <a:gdLst>
                <a:gd name="connsiteX0" fmla="*/ 0 w 1089325"/>
                <a:gd name="connsiteY0" fmla="*/ 0 h 341665"/>
                <a:gd name="connsiteX1" fmla="*/ 1089326 w 1089325"/>
                <a:gd name="connsiteY1" fmla="*/ 0 h 341665"/>
                <a:gd name="connsiteX2" fmla="*/ 1089326 w 1089325"/>
                <a:gd name="connsiteY2" fmla="*/ 341666 h 341665"/>
                <a:gd name="connsiteX3" fmla="*/ 0 w 1089325"/>
                <a:gd name="connsiteY3" fmla="*/ 341666 h 341665"/>
              </a:gdLst>
              <a:ahLst/>
              <a:cxnLst>
                <a:cxn ang="0">
                  <a:pos x="connsiteX0" y="connsiteY0"/>
                </a:cxn>
                <a:cxn ang="0">
                  <a:pos x="connsiteX1" y="connsiteY1"/>
                </a:cxn>
                <a:cxn ang="0">
                  <a:pos x="connsiteX2" y="connsiteY2"/>
                </a:cxn>
                <a:cxn ang="0">
                  <a:pos x="connsiteX3" y="connsiteY3"/>
                </a:cxn>
              </a:cxnLst>
              <a:rect l="l" t="t" r="r" b="b"/>
              <a:pathLst>
                <a:path w="1089325" h="341665">
                  <a:moveTo>
                    <a:pt x="0" y="0"/>
                  </a:moveTo>
                  <a:lnTo>
                    <a:pt x="1089326" y="0"/>
                  </a:lnTo>
                  <a:lnTo>
                    <a:pt x="1089326" y="341666"/>
                  </a:lnTo>
                  <a:lnTo>
                    <a:pt x="0" y="341666"/>
                  </a:lnTo>
                  <a:close/>
                </a:path>
              </a:pathLst>
            </a:custGeom>
            <a:solidFill>
              <a:srgbClr val="F0AB00">
                <a:alpha val="70000"/>
              </a:srgbClr>
            </a:solidFill>
            <a:ln w="21273"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pPr defTabSz="1088449"/>
              <a:endParaRPr lang="en-US" sz="2099">
                <a:solidFill>
                  <a:srgbClr val="000000"/>
                </a:solidFill>
              </a:endParaRPr>
            </a:p>
          </p:txBody>
        </p:sp>
        <p:sp>
          <p:nvSpPr>
            <p:cNvPr id="7" name="Freeform 6">
              <a:extLst>
                <a:ext uri="{FF2B5EF4-FFF2-40B4-BE49-F238E27FC236}">
                  <a16:creationId xmlns:a16="http://schemas.microsoft.com/office/drawing/2014/main" id="{40FECB9D-C2D8-0748-9ED4-11560E6EB487}"/>
                </a:ext>
              </a:extLst>
            </p:cNvPr>
            <p:cNvSpPr/>
            <p:nvPr/>
          </p:nvSpPr>
          <p:spPr>
            <a:xfrm>
              <a:off x="7415259" y="1559210"/>
              <a:ext cx="1012003" cy="1011577"/>
            </a:xfrm>
            <a:custGeom>
              <a:avLst/>
              <a:gdLst>
                <a:gd name="connsiteX0" fmla="*/ 241552 w 1012003"/>
                <a:gd name="connsiteY0" fmla="*/ 1011578 h 1011577"/>
                <a:gd name="connsiteX1" fmla="*/ 1012004 w 1012003"/>
                <a:gd name="connsiteY1" fmla="*/ 241339 h 1011577"/>
                <a:gd name="connsiteX2" fmla="*/ 770878 w 1012003"/>
                <a:gd name="connsiteY2" fmla="*/ 0 h 1011577"/>
                <a:gd name="connsiteX3" fmla="*/ 770878 w 1012003"/>
                <a:gd name="connsiteY3" fmla="*/ 0 h 1011577"/>
                <a:gd name="connsiteX4" fmla="*/ 0 w 1012003"/>
                <a:gd name="connsiteY4" fmla="*/ 770026 h 1011577"/>
                <a:gd name="connsiteX5" fmla="*/ 0 w 1012003"/>
                <a:gd name="connsiteY5" fmla="*/ 770026 h 10115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2003" h="1011577">
                  <a:moveTo>
                    <a:pt x="241552" y="1011578"/>
                  </a:moveTo>
                  <a:lnTo>
                    <a:pt x="1012004" y="241339"/>
                  </a:lnTo>
                  <a:lnTo>
                    <a:pt x="770878" y="0"/>
                  </a:lnTo>
                  <a:lnTo>
                    <a:pt x="770878" y="0"/>
                  </a:lnTo>
                  <a:lnTo>
                    <a:pt x="0" y="770026"/>
                  </a:lnTo>
                  <a:lnTo>
                    <a:pt x="0" y="770026"/>
                  </a:lnTo>
                  <a:close/>
                </a:path>
              </a:pathLst>
            </a:custGeom>
            <a:solidFill>
              <a:srgbClr val="F0AB00">
                <a:alpha val="40000"/>
              </a:srgbClr>
            </a:solidFill>
            <a:ln w="21273"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pPr defTabSz="1088449"/>
              <a:endParaRPr lang="en-US" sz="2099">
                <a:solidFill>
                  <a:srgbClr val="000000"/>
                </a:solidFill>
              </a:endParaRPr>
            </a:p>
          </p:txBody>
        </p:sp>
        <p:sp>
          <p:nvSpPr>
            <p:cNvPr id="8" name="Freeform 7">
              <a:extLst>
                <a:ext uri="{FF2B5EF4-FFF2-40B4-BE49-F238E27FC236}">
                  <a16:creationId xmlns:a16="http://schemas.microsoft.com/office/drawing/2014/main" id="{13AD2BF2-E622-444B-8D32-FE4F80536CA0}"/>
                </a:ext>
              </a:extLst>
            </p:cNvPr>
            <p:cNvSpPr/>
            <p:nvPr/>
          </p:nvSpPr>
          <p:spPr>
            <a:xfrm>
              <a:off x="7381390" y="2100252"/>
              <a:ext cx="2579533" cy="3239221"/>
            </a:xfrm>
            <a:custGeom>
              <a:avLst/>
              <a:gdLst>
                <a:gd name="connsiteX0" fmla="*/ 2062136 w 2579533"/>
                <a:gd name="connsiteY0" fmla="*/ 2753988 h 3239221"/>
                <a:gd name="connsiteX1" fmla="*/ 1031175 w 2579533"/>
                <a:gd name="connsiteY1" fmla="*/ 3239222 h 3239221"/>
                <a:gd name="connsiteX2" fmla="*/ 0 w 2579533"/>
                <a:gd name="connsiteY2" fmla="*/ 2753988 h 3239221"/>
                <a:gd name="connsiteX3" fmla="*/ 525279 w 2579533"/>
                <a:gd name="connsiteY3" fmla="*/ 2329036 h 3239221"/>
                <a:gd name="connsiteX4" fmla="*/ 525279 w 2579533"/>
                <a:gd name="connsiteY4" fmla="*/ 2418074 h 3239221"/>
                <a:gd name="connsiteX5" fmla="*/ 85203 w 2579533"/>
                <a:gd name="connsiteY5" fmla="*/ 2753988 h 3239221"/>
                <a:gd name="connsiteX6" fmla="*/ 1031175 w 2579533"/>
                <a:gd name="connsiteY6" fmla="*/ 3154018 h 3239221"/>
                <a:gd name="connsiteX7" fmla="*/ 1977146 w 2579533"/>
                <a:gd name="connsiteY7" fmla="*/ 2753988 h 3239221"/>
                <a:gd name="connsiteX8" fmla="*/ 1537070 w 2579533"/>
                <a:gd name="connsiteY8" fmla="*/ 2418074 h 3239221"/>
                <a:gd name="connsiteX9" fmla="*/ 1537070 w 2579533"/>
                <a:gd name="connsiteY9" fmla="*/ 2329888 h 3239221"/>
                <a:gd name="connsiteX10" fmla="*/ 2062136 w 2579533"/>
                <a:gd name="connsiteY10" fmla="*/ 2753988 h 3239221"/>
                <a:gd name="connsiteX11" fmla="*/ 2579534 w 2579533"/>
                <a:gd name="connsiteY11" fmla="*/ 2747811 h 3239221"/>
                <a:gd name="connsiteX12" fmla="*/ 2531607 w 2579533"/>
                <a:gd name="connsiteY12" fmla="*/ 2818317 h 3239221"/>
                <a:gd name="connsiteX13" fmla="*/ 2104099 w 2579533"/>
                <a:gd name="connsiteY13" fmla="*/ 2427446 h 3239221"/>
                <a:gd name="connsiteX14" fmla="*/ 1884487 w 2579533"/>
                <a:gd name="connsiteY14" fmla="*/ 1764563 h 3239221"/>
                <a:gd name="connsiteX15" fmla="*/ 1712376 w 2579533"/>
                <a:gd name="connsiteY15" fmla="*/ 1214575 h 3239221"/>
                <a:gd name="connsiteX16" fmla="*/ 1604381 w 2579533"/>
                <a:gd name="connsiteY16" fmla="*/ 1089752 h 3239221"/>
                <a:gd name="connsiteX17" fmla="*/ 1481688 w 2579533"/>
                <a:gd name="connsiteY17" fmla="*/ 1168991 h 3239221"/>
                <a:gd name="connsiteX18" fmla="*/ 1197747 w 2579533"/>
                <a:gd name="connsiteY18" fmla="*/ 1514704 h 3239221"/>
                <a:gd name="connsiteX19" fmla="*/ 1197747 w 2579533"/>
                <a:gd name="connsiteY19" fmla="*/ 1709394 h 3239221"/>
                <a:gd name="connsiteX20" fmla="*/ 1366663 w 2579533"/>
                <a:gd name="connsiteY20" fmla="*/ 1861056 h 3239221"/>
                <a:gd name="connsiteX21" fmla="*/ 1366663 w 2579533"/>
                <a:gd name="connsiteY21" fmla="*/ 2483041 h 3239221"/>
                <a:gd name="connsiteX22" fmla="*/ 1031175 w 2579533"/>
                <a:gd name="connsiteY22" fmla="*/ 2656856 h 3239221"/>
                <a:gd name="connsiteX23" fmla="*/ 695686 w 2579533"/>
                <a:gd name="connsiteY23" fmla="*/ 2483041 h 3239221"/>
                <a:gd name="connsiteX24" fmla="*/ 695686 w 2579533"/>
                <a:gd name="connsiteY24" fmla="*/ 1861269 h 3239221"/>
                <a:gd name="connsiteX25" fmla="*/ 864389 w 2579533"/>
                <a:gd name="connsiteY25" fmla="*/ 1709181 h 3239221"/>
                <a:gd name="connsiteX26" fmla="*/ 864389 w 2579533"/>
                <a:gd name="connsiteY26" fmla="*/ 1514491 h 3239221"/>
                <a:gd name="connsiteX27" fmla="*/ 573632 w 2579533"/>
                <a:gd name="connsiteY27" fmla="*/ 1088474 h 3239221"/>
                <a:gd name="connsiteX28" fmla="*/ 573632 w 2579533"/>
                <a:gd name="connsiteY28" fmla="*/ 768109 h 3239221"/>
                <a:gd name="connsiteX29" fmla="*/ 705697 w 2579533"/>
                <a:gd name="connsiteY29" fmla="*/ 783020 h 3239221"/>
                <a:gd name="connsiteX30" fmla="*/ 708467 w 2579533"/>
                <a:gd name="connsiteY30" fmla="*/ 783020 h 3239221"/>
                <a:gd name="connsiteX31" fmla="*/ 1068025 w 2579533"/>
                <a:gd name="connsiteY31" fmla="*/ 636896 h 3239221"/>
                <a:gd name="connsiteX32" fmla="*/ 1144495 w 2579533"/>
                <a:gd name="connsiteY32" fmla="*/ 569585 h 3239221"/>
                <a:gd name="connsiteX33" fmla="*/ 1208398 w 2579533"/>
                <a:gd name="connsiteY33" fmla="*/ 498014 h 3239221"/>
                <a:gd name="connsiteX34" fmla="*/ 1357504 w 2579533"/>
                <a:gd name="connsiteY34" fmla="*/ 129509 h 3239221"/>
                <a:gd name="connsiteX35" fmla="*/ 1343445 w 2579533"/>
                <a:gd name="connsiteY35" fmla="*/ 0 h 3239221"/>
                <a:gd name="connsiteX36" fmla="*/ 1651456 w 2579533"/>
                <a:gd name="connsiteY36" fmla="*/ 306306 h 3239221"/>
                <a:gd name="connsiteX37" fmla="*/ 1651456 w 2579533"/>
                <a:gd name="connsiteY37" fmla="*/ 306306 h 3239221"/>
                <a:gd name="connsiteX38" fmla="*/ 1664236 w 2579533"/>
                <a:gd name="connsiteY38" fmla="*/ 1030536 h 3239221"/>
                <a:gd name="connsiteX39" fmla="*/ 1779900 w 2579533"/>
                <a:gd name="connsiteY39" fmla="*/ 1163666 h 3239221"/>
                <a:gd name="connsiteX40" fmla="*/ 1969052 w 2579533"/>
                <a:gd name="connsiteY40" fmla="*/ 1756043 h 3239221"/>
                <a:gd name="connsiteX41" fmla="*/ 2171623 w 2579533"/>
                <a:gd name="connsiteY41" fmla="*/ 2376750 h 3239221"/>
                <a:gd name="connsiteX42" fmla="*/ 2579534 w 2579533"/>
                <a:gd name="connsiteY42" fmla="*/ 2747811 h 3239221"/>
                <a:gd name="connsiteX43" fmla="*/ 768961 w 2579533"/>
                <a:gd name="connsiteY43" fmla="*/ 843940 h 3239221"/>
                <a:gd name="connsiteX44" fmla="*/ 925309 w 2579533"/>
                <a:gd name="connsiteY44" fmla="*/ 1000288 h 3239221"/>
                <a:gd name="connsiteX45" fmla="*/ 1402236 w 2579533"/>
                <a:gd name="connsiteY45" fmla="*/ 1108710 h 3239221"/>
                <a:gd name="connsiteX46" fmla="*/ 1402236 w 2579533"/>
                <a:gd name="connsiteY46" fmla="*/ 1091456 h 3239221"/>
                <a:gd name="connsiteX47" fmla="*/ 1402236 w 2579533"/>
                <a:gd name="connsiteY47" fmla="*/ 760654 h 3239221"/>
                <a:gd name="connsiteX48" fmla="*/ 1487439 w 2579533"/>
                <a:gd name="connsiteY48" fmla="*/ 760654 h 3239221"/>
                <a:gd name="connsiteX49" fmla="*/ 1487439 w 2579533"/>
                <a:gd name="connsiteY49" fmla="*/ 1068025 h 3239221"/>
                <a:gd name="connsiteX50" fmla="*/ 1644703 w 2579533"/>
                <a:gd name="connsiteY50" fmla="*/ 440364 h 3239221"/>
                <a:gd name="connsiteX51" fmla="*/ 1574346 w 2579533"/>
                <a:gd name="connsiteY51" fmla="*/ 350612 h 3239221"/>
                <a:gd name="connsiteX52" fmla="*/ 1559010 w 2579533"/>
                <a:gd name="connsiteY52" fmla="*/ 335063 h 3239221"/>
                <a:gd name="connsiteX53" fmla="*/ 1559010 w 2579533"/>
                <a:gd name="connsiteY53" fmla="*/ 335063 h 3239221"/>
                <a:gd name="connsiteX54" fmla="*/ 1417572 w 2579533"/>
                <a:gd name="connsiteY54" fmla="*/ 193625 h 3239221"/>
                <a:gd name="connsiteX55" fmla="*/ 1204564 w 2579533"/>
                <a:gd name="connsiteY55" fmla="*/ 629866 h 3239221"/>
                <a:gd name="connsiteX56" fmla="*/ 871631 w 2579533"/>
                <a:gd name="connsiteY56" fmla="*/ 829882 h 3239221"/>
                <a:gd name="connsiteX57" fmla="*/ 769387 w 2579533"/>
                <a:gd name="connsiteY57" fmla="*/ 843940 h 3239221"/>
                <a:gd name="connsiteX58" fmla="*/ 1197108 w 2579533"/>
                <a:gd name="connsiteY58" fmla="*/ 1798432 h 3239221"/>
                <a:gd name="connsiteX59" fmla="*/ 1030749 w 2579533"/>
                <a:gd name="connsiteY59" fmla="*/ 1893859 h 3239221"/>
                <a:gd name="connsiteX60" fmla="*/ 864176 w 2579533"/>
                <a:gd name="connsiteY60" fmla="*/ 1798432 h 3239221"/>
                <a:gd name="connsiteX61" fmla="*/ 780464 w 2579533"/>
                <a:gd name="connsiteY61" fmla="*/ 1861269 h 3239221"/>
                <a:gd name="connsiteX62" fmla="*/ 780464 w 2579533"/>
                <a:gd name="connsiteY62" fmla="*/ 2483041 h 3239221"/>
                <a:gd name="connsiteX63" fmla="*/ 1030749 w 2579533"/>
                <a:gd name="connsiteY63" fmla="*/ 2571653 h 3239221"/>
                <a:gd name="connsiteX64" fmla="*/ 1281034 w 2579533"/>
                <a:gd name="connsiteY64" fmla="*/ 2483041 h 3239221"/>
                <a:gd name="connsiteX65" fmla="*/ 1281034 w 2579533"/>
                <a:gd name="connsiteY65" fmla="*/ 1861269 h 3239221"/>
                <a:gd name="connsiteX66" fmla="*/ 1197534 w 2579533"/>
                <a:gd name="connsiteY66" fmla="*/ 1798432 h 3239221"/>
                <a:gd name="connsiteX67" fmla="*/ 1030536 w 2579533"/>
                <a:gd name="connsiteY67" fmla="*/ 1808443 h 3239221"/>
                <a:gd name="connsiteX68" fmla="*/ 1112118 w 2579533"/>
                <a:gd name="connsiteY68" fmla="*/ 1789698 h 3239221"/>
                <a:gd name="connsiteX69" fmla="*/ 1112118 w 2579533"/>
                <a:gd name="connsiteY69" fmla="*/ 1497663 h 3239221"/>
                <a:gd name="connsiteX70" fmla="*/ 949166 w 2579533"/>
                <a:gd name="connsiteY70" fmla="*/ 1497663 h 3239221"/>
                <a:gd name="connsiteX71" fmla="*/ 949166 w 2579533"/>
                <a:gd name="connsiteY71" fmla="*/ 1789911 h 3239221"/>
                <a:gd name="connsiteX72" fmla="*/ 1030962 w 2579533"/>
                <a:gd name="connsiteY72" fmla="*/ 1808443 h 3239221"/>
                <a:gd name="connsiteX73" fmla="*/ 1385195 w 2579533"/>
                <a:gd name="connsiteY73" fmla="*/ 1203073 h 3239221"/>
                <a:gd name="connsiteX74" fmla="*/ 1250787 w 2579533"/>
                <a:gd name="connsiteY74" fmla="*/ 1219900 h 3239221"/>
                <a:gd name="connsiteX75" fmla="*/ 865667 w 2579533"/>
                <a:gd name="connsiteY75" fmla="*/ 1060783 h 3239221"/>
                <a:gd name="connsiteX76" fmla="*/ 658836 w 2579533"/>
                <a:gd name="connsiteY76" fmla="*/ 853525 h 3239221"/>
                <a:gd name="connsiteX77" fmla="*/ 658836 w 2579533"/>
                <a:gd name="connsiteY77" fmla="*/ 1090178 h 3239221"/>
                <a:gd name="connsiteX78" fmla="*/ 893145 w 2579533"/>
                <a:gd name="connsiteY78" fmla="*/ 1434187 h 3239221"/>
                <a:gd name="connsiteX79" fmla="*/ 1031601 w 2579533"/>
                <a:gd name="connsiteY79" fmla="*/ 1393715 h 3239221"/>
                <a:gd name="connsiteX80" fmla="*/ 1169843 w 2579533"/>
                <a:gd name="connsiteY80" fmla="*/ 1434187 h 3239221"/>
                <a:gd name="connsiteX81" fmla="*/ 1385195 w 2579533"/>
                <a:gd name="connsiteY81" fmla="*/ 1203073 h 32392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2579533" h="3239221">
                  <a:moveTo>
                    <a:pt x="2062136" y="2753988"/>
                  </a:moveTo>
                  <a:cubicBezTo>
                    <a:pt x="2062136" y="3026000"/>
                    <a:pt x="1609280" y="3239222"/>
                    <a:pt x="1031175" y="3239222"/>
                  </a:cubicBezTo>
                  <a:cubicBezTo>
                    <a:pt x="453069" y="3239222"/>
                    <a:pt x="0" y="3026213"/>
                    <a:pt x="0" y="2753988"/>
                  </a:cubicBezTo>
                  <a:cubicBezTo>
                    <a:pt x="0" y="2568884"/>
                    <a:pt x="209600" y="2411257"/>
                    <a:pt x="525279" y="2329036"/>
                  </a:cubicBezTo>
                  <a:lnTo>
                    <a:pt x="525279" y="2418074"/>
                  </a:lnTo>
                  <a:cubicBezTo>
                    <a:pt x="263066" y="2490071"/>
                    <a:pt x="85203" y="2614894"/>
                    <a:pt x="85203" y="2753988"/>
                  </a:cubicBezTo>
                  <a:cubicBezTo>
                    <a:pt x="85203" y="2970831"/>
                    <a:pt x="518463" y="3154018"/>
                    <a:pt x="1031175" y="3154018"/>
                  </a:cubicBezTo>
                  <a:cubicBezTo>
                    <a:pt x="1543886" y="3154018"/>
                    <a:pt x="1976933" y="2970831"/>
                    <a:pt x="1977146" y="2753988"/>
                  </a:cubicBezTo>
                  <a:cubicBezTo>
                    <a:pt x="1977146" y="2615107"/>
                    <a:pt x="1799284" y="2490071"/>
                    <a:pt x="1537070" y="2418074"/>
                  </a:cubicBezTo>
                  <a:lnTo>
                    <a:pt x="1537070" y="2329888"/>
                  </a:lnTo>
                  <a:cubicBezTo>
                    <a:pt x="1852749" y="2411257"/>
                    <a:pt x="2062136" y="2568884"/>
                    <a:pt x="2062136" y="2753988"/>
                  </a:cubicBezTo>
                  <a:close/>
                  <a:moveTo>
                    <a:pt x="2579534" y="2747811"/>
                  </a:moveTo>
                  <a:lnTo>
                    <a:pt x="2531607" y="2818317"/>
                  </a:lnTo>
                  <a:cubicBezTo>
                    <a:pt x="2520531" y="2810861"/>
                    <a:pt x="2262151" y="2633212"/>
                    <a:pt x="2104099" y="2427446"/>
                  </a:cubicBezTo>
                  <a:cubicBezTo>
                    <a:pt x="1933692" y="2206982"/>
                    <a:pt x="1909196" y="1982045"/>
                    <a:pt x="1884487" y="1764563"/>
                  </a:cubicBezTo>
                  <a:cubicBezTo>
                    <a:pt x="1862121" y="1567956"/>
                    <a:pt x="1841885" y="1381148"/>
                    <a:pt x="1712376" y="1214575"/>
                  </a:cubicBezTo>
                  <a:cubicBezTo>
                    <a:pt x="1678580" y="1171112"/>
                    <a:pt x="1642532" y="1129447"/>
                    <a:pt x="1604381" y="1089752"/>
                  </a:cubicBezTo>
                  <a:cubicBezTo>
                    <a:pt x="1567160" y="1121466"/>
                    <a:pt x="1525904" y="1148110"/>
                    <a:pt x="1481688" y="1168991"/>
                  </a:cubicBezTo>
                  <a:cubicBezTo>
                    <a:pt x="1453323" y="1325637"/>
                    <a:pt x="1345894" y="1456438"/>
                    <a:pt x="1197747" y="1514704"/>
                  </a:cubicBezTo>
                  <a:lnTo>
                    <a:pt x="1197747" y="1709394"/>
                  </a:lnTo>
                  <a:cubicBezTo>
                    <a:pt x="1299992" y="1738363"/>
                    <a:pt x="1366450" y="1794597"/>
                    <a:pt x="1366663" y="1861056"/>
                  </a:cubicBezTo>
                  <a:lnTo>
                    <a:pt x="1366663" y="2483041"/>
                  </a:lnTo>
                  <a:cubicBezTo>
                    <a:pt x="1366663" y="2582090"/>
                    <a:pt x="1222456" y="2656856"/>
                    <a:pt x="1031175" y="2656856"/>
                  </a:cubicBezTo>
                  <a:cubicBezTo>
                    <a:pt x="839893" y="2656856"/>
                    <a:pt x="695686" y="2582090"/>
                    <a:pt x="695686" y="2483041"/>
                  </a:cubicBezTo>
                  <a:lnTo>
                    <a:pt x="695686" y="1861269"/>
                  </a:lnTo>
                  <a:cubicBezTo>
                    <a:pt x="695686" y="1794172"/>
                    <a:pt x="762145" y="1738363"/>
                    <a:pt x="864389" y="1709181"/>
                  </a:cubicBezTo>
                  <a:lnTo>
                    <a:pt x="864389" y="1514491"/>
                  </a:lnTo>
                  <a:cubicBezTo>
                    <a:pt x="688999" y="1445897"/>
                    <a:pt x="573590" y="1276800"/>
                    <a:pt x="573632" y="1088474"/>
                  </a:cubicBezTo>
                  <a:lnTo>
                    <a:pt x="573632" y="768109"/>
                  </a:lnTo>
                  <a:cubicBezTo>
                    <a:pt x="617016" y="777656"/>
                    <a:pt x="661277" y="782653"/>
                    <a:pt x="705697" y="783020"/>
                  </a:cubicBezTo>
                  <a:lnTo>
                    <a:pt x="708467" y="783020"/>
                  </a:lnTo>
                  <a:cubicBezTo>
                    <a:pt x="822639" y="783020"/>
                    <a:pt x="951935" y="728702"/>
                    <a:pt x="1068025" y="636896"/>
                  </a:cubicBezTo>
                  <a:cubicBezTo>
                    <a:pt x="1094860" y="616034"/>
                    <a:pt x="1120397" y="593555"/>
                    <a:pt x="1144495" y="569585"/>
                  </a:cubicBezTo>
                  <a:cubicBezTo>
                    <a:pt x="1167195" y="547014"/>
                    <a:pt x="1188533" y="523115"/>
                    <a:pt x="1208398" y="498014"/>
                  </a:cubicBezTo>
                  <a:cubicBezTo>
                    <a:pt x="1306808" y="375747"/>
                    <a:pt x="1357504" y="242404"/>
                    <a:pt x="1357504" y="129509"/>
                  </a:cubicBezTo>
                  <a:cubicBezTo>
                    <a:pt x="1358958" y="85892"/>
                    <a:pt x="1354224" y="42289"/>
                    <a:pt x="1343445" y="0"/>
                  </a:cubicBezTo>
                  <a:lnTo>
                    <a:pt x="1651456" y="306306"/>
                  </a:lnTo>
                  <a:lnTo>
                    <a:pt x="1651456" y="306306"/>
                  </a:lnTo>
                  <a:cubicBezTo>
                    <a:pt x="1838595" y="509610"/>
                    <a:pt x="1844086" y="820756"/>
                    <a:pt x="1664236" y="1030536"/>
                  </a:cubicBezTo>
                  <a:cubicBezTo>
                    <a:pt x="1705227" y="1072736"/>
                    <a:pt x="1743841" y="1117182"/>
                    <a:pt x="1779900" y="1163666"/>
                  </a:cubicBezTo>
                  <a:cubicBezTo>
                    <a:pt x="1923042" y="1350048"/>
                    <a:pt x="1946472" y="1556454"/>
                    <a:pt x="1969052" y="1756043"/>
                  </a:cubicBezTo>
                  <a:cubicBezTo>
                    <a:pt x="1992482" y="1962022"/>
                    <a:pt x="2016552" y="2175031"/>
                    <a:pt x="2171623" y="2376750"/>
                  </a:cubicBezTo>
                  <a:cubicBezTo>
                    <a:pt x="2321155" y="2570375"/>
                    <a:pt x="2576978" y="2746107"/>
                    <a:pt x="2579534" y="2747811"/>
                  </a:cubicBezTo>
                  <a:close/>
                  <a:moveTo>
                    <a:pt x="768961" y="843940"/>
                  </a:moveTo>
                  <a:lnTo>
                    <a:pt x="925309" y="1000288"/>
                  </a:lnTo>
                  <a:cubicBezTo>
                    <a:pt x="1050347" y="1124884"/>
                    <a:pt x="1235622" y="1167003"/>
                    <a:pt x="1402236" y="1108710"/>
                  </a:cubicBezTo>
                  <a:cubicBezTo>
                    <a:pt x="1402236" y="1102959"/>
                    <a:pt x="1402236" y="1097207"/>
                    <a:pt x="1402236" y="1091456"/>
                  </a:cubicBezTo>
                  <a:lnTo>
                    <a:pt x="1402236" y="760654"/>
                  </a:lnTo>
                  <a:lnTo>
                    <a:pt x="1487439" y="760654"/>
                  </a:lnTo>
                  <a:lnTo>
                    <a:pt x="1487439" y="1068025"/>
                  </a:lnTo>
                  <a:cubicBezTo>
                    <a:pt x="1704190" y="938129"/>
                    <a:pt x="1774600" y="657115"/>
                    <a:pt x="1644703" y="440364"/>
                  </a:cubicBezTo>
                  <a:cubicBezTo>
                    <a:pt x="1625086" y="407630"/>
                    <a:pt x="1601450" y="377478"/>
                    <a:pt x="1574346" y="350612"/>
                  </a:cubicBezTo>
                  <a:lnTo>
                    <a:pt x="1559010" y="335063"/>
                  </a:lnTo>
                  <a:lnTo>
                    <a:pt x="1559010" y="335063"/>
                  </a:lnTo>
                  <a:lnTo>
                    <a:pt x="1417572" y="193625"/>
                  </a:lnTo>
                  <a:cubicBezTo>
                    <a:pt x="1417572" y="328885"/>
                    <a:pt x="1342167" y="491837"/>
                    <a:pt x="1204564" y="629866"/>
                  </a:cubicBezTo>
                  <a:cubicBezTo>
                    <a:pt x="1113207" y="724782"/>
                    <a:pt x="998331" y="793796"/>
                    <a:pt x="871631" y="829882"/>
                  </a:cubicBezTo>
                  <a:cubicBezTo>
                    <a:pt x="838217" y="838550"/>
                    <a:pt x="803901" y="843269"/>
                    <a:pt x="769387" y="843940"/>
                  </a:cubicBezTo>
                  <a:close/>
                  <a:moveTo>
                    <a:pt x="1197108" y="1798432"/>
                  </a:moveTo>
                  <a:cubicBezTo>
                    <a:pt x="1194978" y="1854666"/>
                    <a:pt x="1127242" y="1893859"/>
                    <a:pt x="1030749" y="1893859"/>
                  </a:cubicBezTo>
                  <a:cubicBezTo>
                    <a:pt x="934256" y="1893859"/>
                    <a:pt x="866519" y="1854666"/>
                    <a:pt x="864176" y="1798432"/>
                  </a:cubicBezTo>
                  <a:cubicBezTo>
                    <a:pt x="811350" y="1816750"/>
                    <a:pt x="780464" y="1841033"/>
                    <a:pt x="780464" y="1861269"/>
                  </a:cubicBezTo>
                  <a:lnTo>
                    <a:pt x="780464" y="2483041"/>
                  </a:lnTo>
                  <a:cubicBezTo>
                    <a:pt x="780464" y="2518401"/>
                    <a:pt x="880151" y="2571653"/>
                    <a:pt x="1030749" y="2571653"/>
                  </a:cubicBezTo>
                  <a:cubicBezTo>
                    <a:pt x="1181346" y="2571653"/>
                    <a:pt x="1281034" y="2518188"/>
                    <a:pt x="1281034" y="2483041"/>
                  </a:cubicBezTo>
                  <a:lnTo>
                    <a:pt x="1281034" y="1861269"/>
                  </a:lnTo>
                  <a:cubicBezTo>
                    <a:pt x="1281460" y="1841672"/>
                    <a:pt x="1250999" y="1816750"/>
                    <a:pt x="1197534" y="1798432"/>
                  </a:cubicBezTo>
                  <a:close/>
                  <a:moveTo>
                    <a:pt x="1030536" y="1808443"/>
                  </a:moveTo>
                  <a:cubicBezTo>
                    <a:pt x="1058962" y="1810113"/>
                    <a:pt x="1087272" y="1803608"/>
                    <a:pt x="1112118" y="1789698"/>
                  </a:cubicBezTo>
                  <a:lnTo>
                    <a:pt x="1112118" y="1497663"/>
                  </a:lnTo>
                  <a:cubicBezTo>
                    <a:pt x="1060678" y="1472661"/>
                    <a:pt x="1000606" y="1472661"/>
                    <a:pt x="949166" y="1497663"/>
                  </a:cubicBezTo>
                  <a:lnTo>
                    <a:pt x="949166" y="1789911"/>
                  </a:lnTo>
                  <a:cubicBezTo>
                    <a:pt x="974097" y="1803787"/>
                    <a:pt x="1002485" y="1810219"/>
                    <a:pt x="1030962" y="1808443"/>
                  </a:cubicBezTo>
                  <a:close/>
                  <a:moveTo>
                    <a:pt x="1385195" y="1203073"/>
                  </a:moveTo>
                  <a:cubicBezTo>
                    <a:pt x="1341253" y="1214179"/>
                    <a:pt x="1296110" y="1219831"/>
                    <a:pt x="1250787" y="1219900"/>
                  </a:cubicBezTo>
                  <a:cubicBezTo>
                    <a:pt x="1106360" y="1220193"/>
                    <a:pt x="967768" y="1162932"/>
                    <a:pt x="865667" y="1060783"/>
                  </a:cubicBezTo>
                  <a:lnTo>
                    <a:pt x="658836" y="853525"/>
                  </a:lnTo>
                  <a:lnTo>
                    <a:pt x="658836" y="1090178"/>
                  </a:lnTo>
                  <a:cubicBezTo>
                    <a:pt x="659570" y="1241872"/>
                    <a:pt x="752257" y="1377954"/>
                    <a:pt x="893145" y="1434187"/>
                  </a:cubicBezTo>
                  <a:cubicBezTo>
                    <a:pt x="933185" y="1405004"/>
                    <a:pt x="982146" y="1390693"/>
                    <a:pt x="1031601" y="1393715"/>
                  </a:cubicBezTo>
                  <a:cubicBezTo>
                    <a:pt x="1080983" y="1390743"/>
                    <a:pt x="1129860" y="1405052"/>
                    <a:pt x="1169843" y="1434187"/>
                  </a:cubicBezTo>
                  <a:cubicBezTo>
                    <a:pt x="1272386" y="1392952"/>
                    <a:pt x="1351294" y="1308268"/>
                    <a:pt x="1385195" y="1203073"/>
                  </a:cubicBezTo>
                  <a:close/>
                </a:path>
              </a:pathLst>
            </a:custGeom>
            <a:solidFill>
              <a:schemeClr val="tx1"/>
            </a:solidFill>
            <a:ln w="21273"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pPr defTabSz="1088449"/>
              <a:endParaRPr lang="en-US" sz="2099">
                <a:solidFill>
                  <a:srgbClr val="000000"/>
                </a:solidFill>
              </a:endParaRPr>
            </a:p>
          </p:txBody>
        </p:sp>
      </p:grpSp>
    </p:spTree>
    <p:custDataLst>
      <p:custData r:id="rId1"/>
      <p:custData r:id="rId2"/>
    </p:custDataLst>
    <p:extLst>
      <p:ext uri="{BB962C8B-B14F-4D97-AF65-F5344CB8AC3E}">
        <p14:creationId xmlns:p14="http://schemas.microsoft.com/office/powerpoint/2010/main" val="78298365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959522FA-7127-2BB7-8D55-DDD39D38A635}"/>
              </a:ext>
            </a:extLst>
          </p:cNvPr>
          <p:cNvSpPr>
            <a:spLocks noGrp="1"/>
          </p:cNvSpPr>
          <p:nvPr>
            <p:ph type="title"/>
          </p:nvPr>
        </p:nvSpPr>
        <p:spPr>
          <a:xfrm>
            <a:off x="504002" y="3005807"/>
            <a:ext cx="5312526" cy="846386"/>
          </a:xfrm>
        </p:spPr>
        <p:txBody>
          <a:bodyPr/>
          <a:lstStyle/>
          <a:p>
            <a:r>
              <a:rPr lang="en-US"/>
              <a:t>Thank you.</a:t>
            </a:r>
          </a:p>
        </p:txBody>
      </p:sp>
      <p:sp>
        <p:nvSpPr>
          <p:cNvPr id="15" name="Copyright Placeholder" descr="{&quot;templafy&quot;:{&quot;id&quot;:&quot;ba9fff8e-a26f-4604-9418-39eec7243848&quot;}}">
            <a:extLst>
              <a:ext uri="{FF2B5EF4-FFF2-40B4-BE49-F238E27FC236}">
                <a16:creationId xmlns:a16="http://schemas.microsoft.com/office/drawing/2014/main" id="{76EF6016-41CF-716C-8FDC-37B4A48F41BB}"/>
              </a:ext>
            </a:extLst>
          </p:cNvPr>
          <p:cNvSpPr txBox="1">
            <a:spLocks/>
          </p:cNvSpPr>
          <p:nvPr/>
        </p:nvSpPr>
        <p:spPr>
          <a:xfrm>
            <a:off x="505457" y="6536751"/>
            <a:ext cx="10152956"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a:latin typeface="Arial" panose="020B0604020202020204" pitchFamily="34" charset="0"/>
                <a:cs typeface="Arial" panose="020B0604020202020204" pitchFamily="34" charset="0"/>
              </a:rPr>
              <a:t>© 2023 SAP SE or an SAP affiliate company. All rights reserved. See Legal Notice on www.sap.com/legal-notice for use terms, disclaimers, disclosures, or restrictions related to SAP Materials for general audiences.</a:t>
            </a:r>
          </a:p>
        </p:txBody>
      </p:sp>
      <p:sp>
        <p:nvSpPr>
          <p:cNvPr id="2" name="Rectangle 1">
            <a:extLst>
              <a:ext uri="{FF2B5EF4-FFF2-40B4-BE49-F238E27FC236}">
                <a16:creationId xmlns:a16="http://schemas.microsoft.com/office/drawing/2014/main" id="{DD7EEF50-3CE7-4E87-65BF-9C72EA305D1D}"/>
              </a:ext>
              <a:ext uri="{C183D7F6-B498-43B3-948B-1728B52AA6E4}">
                <adec:decorative xmlns:adec="http://schemas.microsoft.com/office/drawing/2017/decorative" val="1"/>
              </a:ext>
            </a:extLst>
          </p:cNvPr>
          <p:cNvSpPr/>
          <p:nvPr/>
        </p:nvSpPr>
        <p:spPr bwMode="gray">
          <a:xfrm>
            <a:off x="10254297" y="6423660"/>
            <a:ext cx="1939290" cy="434340"/>
          </a:xfrm>
          <a:prstGeom prst="rect">
            <a:avLst/>
          </a:prstGeom>
          <a:solidFill>
            <a:schemeClr val="bg1"/>
          </a:solidFill>
          <a:ln w="2540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endParaRPr lang="en-US" sz="1800" kern="0" err="1">
              <a:ea typeface="Arial Unicode MS" pitchFamily="34" charset="-128"/>
              <a:cs typeface="Arial Unicode MS" pitchFamily="34" charset="-128"/>
            </a:endParaRPr>
          </a:p>
        </p:txBody>
      </p:sp>
      <p:sp>
        <p:nvSpPr>
          <p:cNvPr id="3" name="Rectangle: Rounded Corners 2">
            <a:extLst>
              <a:ext uri="{FF2B5EF4-FFF2-40B4-BE49-F238E27FC236}">
                <a16:creationId xmlns:a16="http://schemas.microsoft.com/office/drawing/2014/main" id="{F1142E11-6AA3-A009-3DC8-7133E6475987}"/>
              </a:ext>
            </a:extLst>
          </p:cNvPr>
          <p:cNvSpPr/>
          <p:nvPr/>
        </p:nvSpPr>
        <p:spPr bwMode="gray">
          <a:xfrm>
            <a:off x="10254297" y="5547674"/>
            <a:ext cx="1656470" cy="1032235"/>
          </a:xfrm>
          <a:prstGeom prst="round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Rectangle: Rounded Corners 3">
            <a:extLst>
              <a:ext uri="{FF2B5EF4-FFF2-40B4-BE49-F238E27FC236}">
                <a16:creationId xmlns:a16="http://schemas.microsoft.com/office/drawing/2014/main" id="{F14CBBB7-44DB-3396-4581-7CF67BA95890}"/>
              </a:ext>
            </a:extLst>
          </p:cNvPr>
          <p:cNvSpPr/>
          <p:nvPr/>
        </p:nvSpPr>
        <p:spPr bwMode="gray">
          <a:xfrm>
            <a:off x="470845" y="5700074"/>
            <a:ext cx="7937864" cy="1032235"/>
          </a:xfrm>
          <a:prstGeom prst="round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5" name="Rectangle: Rounded Corners 4">
            <a:extLst>
              <a:ext uri="{FF2B5EF4-FFF2-40B4-BE49-F238E27FC236}">
                <a16:creationId xmlns:a16="http://schemas.microsoft.com/office/drawing/2014/main" id="{CDE8DCD8-3247-D55E-BC7D-DFC78EEA15A2}"/>
              </a:ext>
            </a:extLst>
          </p:cNvPr>
          <p:cNvSpPr/>
          <p:nvPr/>
        </p:nvSpPr>
        <p:spPr bwMode="gray">
          <a:xfrm>
            <a:off x="470845" y="2071351"/>
            <a:ext cx="7937864" cy="1032235"/>
          </a:xfrm>
          <a:prstGeom prst="round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7" name="Picture 6">
            <a:extLst>
              <a:ext uri="{FF2B5EF4-FFF2-40B4-BE49-F238E27FC236}">
                <a16:creationId xmlns:a16="http://schemas.microsoft.com/office/drawing/2014/main" id="{CB68AED0-7B7D-6975-40BC-3B2EFB8AB7FB}"/>
              </a:ext>
            </a:extLst>
          </p:cNvPr>
          <p:cNvPicPr>
            <a:picLocks noChangeAspect="1"/>
          </p:cNvPicPr>
          <p:nvPr/>
        </p:nvPicPr>
        <p:blipFill>
          <a:blip r:embed="rId4"/>
          <a:stretch>
            <a:fillRect/>
          </a:stretch>
        </p:blipFill>
        <p:spPr>
          <a:xfrm>
            <a:off x="7102659" y="1853181"/>
            <a:ext cx="3151638" cy="3151638"/>
          </a:xfrm>
          <a:prstGeom prst="rect">
            <a:avLst/>
          </a:prstGeom>
        </p:spPr>
      </p:pic>
    </p:spTree>
    <p:custDataLst>
      <p:custData r:id="rId1"/>
      <p:custData r:id="rId2"/>
    </p:custDataLst>
    <p:extLst>
      <p:ext uri="{BB962C8B-B14F-4D97-AF65-F5344CB8AC3E}">
        <p14:creationId xmlns:p14="http://schemas.microsoft.com/office/powerpoint/2010/main" val="219094309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E79F5384-22BD-324A-B757-9071693912A1}"/>
              </a:ext>
            </a:extLst>
          </p:cNvPr>
          <p:cNvSpPr>
            <a:spLocks noGrp="1"/>
          </p:cNvSpPr>
          <p:nvPr>
            <p:ph type="body" sz="quarter" idx="10"/>
          </p:nvPr>
        </p:nvSpPr>
        <p:spPr>
          <a:xfrm>
            <a:off x="503999" y="1093509"/>
            <a:ext cx="11186477" cy="5242491"/>
          </a:xfrm>
        </p:spPr>
        <p:txBody>
          <a:bodyPr>
            <a:normAutofit/>
          </a:bodyPr>
          <a:lstStyle/>
          <a:p>
            <a:r>
              <a:rPr lang="en-US" b="1"/>
              <a:t>Pictograms: </a:t>
            </a:r>
            <a:r>
              <a:rPr lang="en-US"/>
              <a:t>https://www.sapbrandtools.com/</a:t>
            </a:r>
          </a:p>
          <a:p>
            <a:r>
              <a:rPr lang="en-US" b="1"/>
              <a:t>Bird Images: </a:t>
            </a:r>
            <a:r>
              <a:rPr lang="en-US"/>
              <a:t>https://www.kaggle.com/datasets/gpiosenka/100-bird-species</a:t>
            </a:r>
          </a:p>
          <a:p>
            <a:r>
              <a:rPr lang="en-US" b="1"/>
              <a:t>Kaggle Logo: </a:t>
            </a:r>
            <a:r>
              <a:rPr lang="en-US"/>
              <a:t>https://upload.wikimedia.org/wikipedia/commons/7/7c/Kaggle_logo.png?20140912155123 </a:t>
            </a:r>
          </a:p>
          <a:p>
            <a:r>
              <a:rPr lang="en-US" b="1"/>
              <a:t>Wikipedia Logo: </a:t>
            </a:r>
            <a:r>
              <a:rPr lang="en-US"/>
              <a:t>https://upload.wikimedia.org/wikipedia/commons/thumb/8/80/Wikipedia-logo-v2.svg/2244px-Wikipedia-logo-v2.svg.png </a:t>
            </a:r>
          </a:p>
          <a:p>
            <a:r>
              <a:rPr lang="en-US" b="1"/>
              <a:t>TensorFlow Logo: </a:t>
            </a:r>
            <a:r>
              <a:rPr lang="en-US"/>
              <a:t>https://upload.wikimedia.org/wikipedia/commons/thumb/a/ab/TensorFlow_logo.svg/1200px-TensorFlow_logo.svg.png </a:t>
            </a:r>
          </a:p>
          <a:p>
            <a:r>
              <a:rPr lang="en-US" b="1"/>
              <a:t>Docker Logo: </a:t>
            </a:r>
            <a:r>
              <a:rPr lang="en-US"/>
              <a:t>https://www.docker.com/wp-content/uploads/2022/03/horizontal-logo-monochromatic-white.png </a:t>
            </a:r>
          </a:p>
          <a:p>
            <a:r>
              <a:rPr lang="en-US" b="1"/>
              <a:t>All other images/illustrations are </a:t>
            </a:r>
            <a:r>
              <a:rPr lang="en-US" b="1" err="1"/>
              <a:t>selfmade</a:t>
            </a:r>
            <a:endParaRPr lang="en-US" b="1"/>
          </a:p>
        </p:txBody>
      </p:sp>
      <p:sp>
        <p:nvSpPr>
          <p:cNvPr id="8" name="Title 7">
            <a:extLst>
              <a:ext uri="{FF2B5EF4-FFF2-40B4-BE49-F238E27FC236}">
                <a16:creationId xmlns:a16="http://schemas.microsoft.com/office/drawing/2014/main" id="{1B9EBB9B-2DD6-334A-8BF8-9682CA528694}"/>
              </a:ext>
            </a:extLst>
          </p:cNvPr>
          <p:cNvSpPr>
            <a:spLocks noGrp="1"/>
          </p:cNvSpPr>
          <p:nvPr>
            <p:ph type="title"/>
          </p:nvPr>
        </p:nvSpPr>
        <p:spPr/>
        <p:txBody>
          <a:bodyPr/>
          <a:lstStyle/>
          <a:p>
            <a:r>
              <a:rPr lang="en-US"/>
              <a:t>Image Sources</a:t>
            </a:r>
          </a:p>
        </p:txBody>
      </p:sp>
    </p:spTree>
    <p:custDataLst>
      <p:custData r:id="rId1"/>
      <p:custData r:id="rId2"/>
    </p:custDataLst>
    <p:extLst>
      <p:ext uri="{BB962C8B-B14F-4D97-AF65-F5344CB8AC3E}">
        <p14:creationId xmlns:p14="http://schemas.microsoft.com/office/powerpoint/2010/main" val="153689294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E79F5384-22BD-324A-B757-9071693912A1}"/>
              </a:ext>
            </a:extLst>
          </p:cNvPr>
          <p:cNvSpPr>
            <a:spLocks noGrp="1"/>
          </p:cNvSpPr>
          <p:nvPr>
            <p:ph type="body" sz="quarter" idx="10"/>
          </p:nvPr>
        </p:nvSpPr>
        <p:spPr>
          <a:xfrm>
            <a:off x="503999" y="1093509"/>
            <a:ext cx="11186477" cy="5242491"/>
          </a:xfrm>
        </p:spPr>
        <p:txBody>
          <a:bodyPr>
            <a:normAutofit/>
          </a:bodyPr>
          <a:lstStyle/>
          <a:p>
            <a:r>
              <a:rPr lang="en-US" b="1" err="1"/>
              <a:t>Ecoturism</a:t>
            </a:r>
            <a:r>
              <a:rPr lang="en-US" b="1"/>
              <a:t> and Birdwatching: </a:t>
            </a:r>
          </a:p>
          <a:p>
            <a:pPr marL="285750" indent="-285750">
              <a:buFontTx/>
              <a:buChar char="-"/>
            </a:pPr>
            <a:r>
              <a:rPr lang="de-DE" sz="1800">
                <a:effectLst/>
                <a:latin typeface="+mj-lt"/>
              </a:rPr>
              <a:t>https://www.onthefeeder.com/birdwatching-vs-birding/ (zuletzt besucht: 23/07/2023)</a:t>
            </a:r>
          </a:p>
          <a:p>
            <a:pPr marL="285750" indent="-285750">
              <a:buFontTx/>
              <a:buChar char="-"/>
            </a:pPr>
            <a:r>
              <a:rPr lang="de-DE" sz="1800">
                <a:effectLst/>
                <a:latin typeface="+mj-lt"/>
              </a:rPr>
              <a:t>https://www.ncbi.nlm.nih.gov/pmc/articles/PMC8656864/ (zuletzt besucht: 23/07/2023)</a:t>
            </a:r>
          </a:p>
          <a:p>
            <a:pPr marL="285750" indent="-285750">
              <a:buFontTx/>
              <a:buChar char="-"/>
            </a:pPr>
            <a:r>
              <a:rPr lang="de-DE" sz="1800">
                <a:effectLst/>
                <a:latin typeface="+mj-lt"/>
              </a:rPr>
              <a:t>https://www.himalayan-gypsy.in/bird-watching-and-ecotourism/ (zuletzt besucht: 23/07/2023)</a:t>
            </a:r>
          </a:p>
          <a:p>
            <a:pPr marL="285750" indent="-285750">
              <a:buFontTx/>
              <a:buChar char="-"/>
            </a:pPr>
            <a:r>
              <a:rPr lang="de-DE" sz="1800">
                <a:effectLst/>
                <a:latin typeface="+mj-lt"/>
              </a:rPr>
              <a:t>https://badgerlandbirding.com/2023/04/23/whats-the-difference-between-birding-and-bird-watching/?utm_content=cmp-true (zuletzt besucht: 23/07/2023)</a:t>
            </a:r>
            <a:endParaRPr lang="de-DE" sz="1800">
              <a:latin typeface="+mj-lt"/>
            </a:endParaRPr>
          </a:p>
          <a:p>
            <a:pPr marL="285750" indent="-285750">
              <a:buFontTx/>
              <a:buChar char="-"/>
            </a:pPr>
            <a:r>
              <a:rPr lang="de-DE" sz="1800">
                <a:effectLst/>
                <a:latin typeface="+mj-lt"/>
              </a:rPr>
              <a:t>https://badgerlandbirding.com/2023/04/23/whats-the-difference-between-birding-and-bird-watching/?utm_content=cmp-true (zuletzt besucht: 23/07/2023)</a:t>
            </a:r>
            <a:endParaRPr lang="en-US" sz="1800" b="1">
              <a:effectLst/>
              <a:latin typeface="+mj-lt"/>
            </a:endParaRPr>
          </a:p>
          <a:p>
            <a:pPr marL="342900" indent="-342900">
              <a:buFontTx/>
              <a:buChar char="-"/>
            </a:pPr>
            <a:endParaRPr lang="en-US" b="1"/>
          </a:p>
          <a:p>
            <a:endParaRPr lang="en-US" b="1"/>
          </a:p>
        </p:txBody>
      </p:sp>
      <p:sp>
        <p:nvSpPr>
          <p:cNvPr id="8" name="Title 7">
            <a:extLst>
              <a:ext uri="{FF2B5EF4-FFF2-40B4-BE49-F238E27FC236}">
                <a16:creationId xmlns:a16="http://schemas.microsoft.com/office/drawing/2014/main" id="{1B9EBB9B-2DD6-334A-8BF8-9682CA528694}"/>
              </a:ext>
            </a:extLst>
          </p:cNvPr>
          <p:cNvSpPr>
            <a:spLocks noGrp="1"/>
          </p:cNvSpPr>
          <p:nvPr>
            <p:ph type="title"/>
          </p:nvPr>
        </p:nvSpPr>
        <p:spPr/>
        <p:txBody>
          <a:bodyPr/>
          <a:lstStyle/>
          <a:p>
            <a:r>
              <a:rPr lang="en-US"/>
              <a:t>Additional Sources</a:t>
            </a:r>
          </a:p>
        </p:txBody>
      </p:sp>
    </p:spTree>
    <p:custDataLst>
      <p:custData r:id="rId1"/>
      <p:custData r:id="rId2"/>
    </p:custDataLst>
    <p:extLst>
      <p:ext uri="{BB962C8B-B14F-4D97-AF65-F5344CB8AC3E}">
        <p14:creationId xmlns:p14="http://schemas.microsoft.com/office/powerpoint/2010/main" val="309186564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6">
            <a:extLst>
              <a:ext uri="{FF2B5EF4-FFF2-40B4-BE49-F238E27FC236}">
                <a16:creationId xmlns:a16="http://schemas.microsoft.com/office/drawing/2014/main" id="{FCA76FC1-FD11-4D25-0FB6-E860848288CE}"/>
              </a:ext>
            </a:extLst>
          </p:cNvPr>
          <p:cNvPicPr>
            <a:picLocks noGrp="1" noChangeAspect="1"/>
          </p:cNvPicPr>
          <p:nvPr>
            <p:ph type="pic" sz="quarter" idx="16"/>
          </p:nvPr>
        </p:nvPicPr>
        <p:blipFill>
          <a:blip r:embed="rId5"/>
          <a:srcRect t="28854" b="28854"/>
          <a:stretch/>
        </p:blipFill>
        <p:spPr>
          <a:xfrm>
            <a:off x="0" y="-1"/>
            <a:ext cx="12195175" cy="3430800"/>
          </a:xfrm>
        </p:spPr>
      </p:pic>
      <p:sp>
        <p:nvSpPr>
          <p:cNvPr id="8" name="Presentation Title"/>
          <p:cNvSpPr>
            <a:spLocks noGrp="1"/>
          </p:cNvSpPr>
          <p:nvPr>
            <p:ph type="title"/>
          </p:nvPr>
        </p:nvSpPr>
        <p:spPr bwMode="gray"/>
        <p:txBody>
          <a:bodyPr/>
          <a:lstStyle/>
          <a:p>
            <a:r>
              <a:rPr lang="en-US"/>
              <a:t>BirdBrain.AI</a:t>
            </a:r>
            <a:br>
              <a:rPr lang="en-US"/>
            </a:br>
            <a:r>
              <a:rPr lang="en-US">
                <a:solidFill>
                  <a:schemeClr val="accent1"/>
                </a:solidFill>
              </a:rPr>
              <a:t>Unlock the secrets of the skies* with BirdBrain.AI</a:t>
            </a:r>
            <a:endParaRPr lang="de-DE">
              <a:solidFill>
                <a:schemeClr val="accent1"/>
              </a:solidFill>
            </a:endParaRPr>
          </a:p>
        </p:txBody>
      </p:sp>
      <p:sp>
        <p:nvSpPr>
          <p:cNvPr id="9" name="TextBox 8" descr="{&quot;templafy&quot;:{&quot;id&quot;:&quot;cf1820ab-2d42-4df3-83ee-669bc409af3d&quot;}}">
            <a:extLst>
              <a:ext uri="{FF2B5EF4-FFF2-40B4-BE49-F238E27FC236}">
                <a16:creationId xmlns:a16="http://schemas.microsoft.com/office/drawing/2014/main" id="{35377F4E-56B2-4AB3-932C-4EC427E9B30D}"/>
              </a:ext>
            </a:extLst>
          </p:cNvPr>
          <p:cNvSpPr txBox="1">
            <a:spLocks/>
          </p:cNvSpPr>
          <p:nvPr/>
        </p:nvSpPr>
        <p:spPr>
          <a:xfrm>
            <a:off x="280987" y="5135836"/>
            <a:ext cx="5402236" cy="223148"/>
          </a:xfrm>
          <a:prstGeom prst="rect">
            <a:avLst/>
          </a:prstGeom>
          <a:noFill/>
        </p:spPr>
        <p:txBody>
          <a:bodyPr wrap="square" lIns="0" tIns="0" rIns="0" bIns="0" rtlCol="0" anchor="b" anchorCtr="0">
            <a:noAutofit/>
          </a:bodyPr>
          <a:lstStyle/>
          <a:p>
            <a:pPr algn="l"/>
            <a:r>
              <a:rPr lang="en-US" sz="1400" b="1">
                <a:solidFill>
                  <a:schemeClr val="tx1"/>
                </a:solidFill>
                <a:latin typeface="+mn-lt"/>
              </a:rPr>
              <a:t>Team: </a:t>
            </a:r>
            <a:r>
              <a:rPr lang="en-US" sz="1400" b="1">
                <a:latin typeface="+mn-lt"/>
              </a:rPr>
              <a:t>Avian Analysts</a:t>
            </a:r>
            <a:endParaRPr lang="en-US" sz="1400">
              <a:solidFill>
                <a:schemeClr val="tx1"/>
              </a:solidFill>
              <a:latin typeface="+mn-lt"/>
            </a:endParaRPr>
          </a:p>
        </p:txBody>
      </p:sp>
      <p:sp>
        <p:nvSpPr>
          <p:cNvPr id="10" name="TextBox 9" descr="{&quot;templafy&quot;:{&quot;id&quot;:&quot;0630bfc0-05ca-4691-a1e7-218cc0f6d846&quot;}}">
            <a:extLst>
              <a:ext uri="{FF2B5EF4-FFF2-40B4-BE49-F238E27FC236}">
                <a16:creationId xmlns:a16="http://schemas.microsoft.com/office/drawing/2014/main" id="{0CAE285C-C1A0-48E8-92E5-F1C638CAF547}"/>
              </a:ext>
            </a:extLst>
          </p:cNvPr>
          <p:cNvSpPr txBox="1"/>
          <p:nvPr/>
        </p:nvSpPr>
        <p:spPr>
          <a:xfrm>
            <a:off x="280987" y="5350617"/>
            <a:ext cx="5402236" cy="223148"/>
          </a:xfrm>
          <a:prstGeom prst="rect">
            <a:avLst/>
          </a:prstGeom>
          <a:noFill/>
        </p:spPr>
        <p:txBody>
          <a:bodyPr wrap="square" lIns="0" tIns="0" rIns="0" bIns="0" rtlCol="0" anchor="b" anchorCtr="0">
            <a:noAutofit/>
          </a:bodyPr>
          <a:lstStyle/>
          <a:p>
            <a:pPr algn="l"/>
            <a:r>
              <a:rPr lang="en-US" sz="1400">
                <a:solidFill>
                  <a:schemeClr val="tx1"/>
                </a:solidFill>
                <a:latin typeface="+mn-lt"/>
              </a:rPr>
              <a:t>July 24, 2023</a:t>
            </a:r>
          </a:p>
        </p:txBody>
      </p:sp>
      <p:sp>
        <p:nvSpPr>
          <p:cNvPr id="3" name="Rectangle: Rounded Corners 2">
            <a:extLst>
              <a:ext uri="{FF2B5EF4-FFF2-40B4-BE49-F238E27FC236}">
                <a16:creationId xmlns:a16="http://schemas.microsoft.com/office/drawing/2014/main" id="{13F293DD-7278-ACC2-5AFB-FBB5AA80454C}"/>
              </a:ext>
            </a:extLst>
          </p:cNvPr>
          <p:cNvSpPr/>
          <p:nvPr/>
        </p:nvSpPr>
        <p:spPr bwMode="gray">
          <a:xfrm>
            <a:off x="10901680" y="6085840"/>
            <a:ext cx="1127760" cy="629920"/>
          </a:xfrm>
          <a:prstGeom prst="round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2" name="TextBox 1">
            <a:extLst>
              <a:ext uri="{FF2B5EF4-FFF2-40B4-BE49-F238E27FC236}">
                <a16:creationId xmlns:a16="http://schemas.microsoft.com/office/drawing/2014/main" id="{F09596EA-6891-7740-1E9E-8930A18679DA}"/>
              </a:ext>
            </a:extLst>
          </p:cNvPr>
          <p:cNvSpPr txBox="1"/>
          <p:nvPr/>
        </p:nvSpPr>
        <p:spPr>
          <a:xfrm>
            <a:off x="9149440" y="6400800"/>
            <a:ext cx="2880000"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a:ea typeface="Arial Unicode MS" pitchFamily="34" charset="-128"/>
                <a:cs typeface="Arial Unicode MS" pitchFamily="34" charset="-128"/>
              </a:rPr>
              <a:t>*Flightless birds included</a:t>
            </a:r>
            <a:endParaRPr lang="en-DE" sz="1800" kern="0" err="1">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56B87D74-B20D-686E-1ECF-455034693B27}"/>
              </a:ext>
            </a:extLst>
          </p:cNvPr>
          <p:cNvPicPr>
            <a:picLocks noChangeAspect="1"/>
          </p:cNvPicPr>
          <p:nvPr/>
        </p:nvPicPr>
        <p:blipFill>
          <a:blip r:embed="rId6"/>
          <a:stretch>
            <a:fillRect/>
          </a:stretch>
        </p:blipFill>
        <p:spPr>
          <a:xfrm>
            <a:off x="11252003" y="3429000"/>
            <a:ext cx="980725" cy="980725"/>
          </a:xfrm>
          <a:prstGeom prst="rect">
            <a:avLst/>
          </a:prstGeom>
        </p:spPr>
      </p:pic>
      <p:sp>
        <p:nvSpPr>
          <p:cNvPr id="5" name="Rectangle: Rounded Corners 4">
            <a:extLst>
              <a:ext uri="{FF2B5EF4-FFF2-40B4-BE49-F238E27FC236}">
                <a16:creationId xmlns:a16="http://schemas.microsoft.com/office/drawing/2014/main" id="{AB316136-D548-3A04-ED8A-E52D8B1BDD08}"/>
              </a:ext>
            </a:extLst>
          </p:cNvPr>
          <p:cNvSpPr/>
          <p:nvPr/>
        </p:nvSpPr>
        <p:spPr bwMode="gray">
          <a:xfrm>
            <a:off x="165735" y="5573765"/>
            <a:ext cx="1127760" cy="629920"/>
          </a:xfrm>
          <a:prstGeom prst="round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132377595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7EF4057-A14B-912C-250D-87D679D9B2E1}"/>
              </a:ext>
            </a:extLst>
          </p:cNvPr>
          <p:cNvSpPr>
            <a:spLocks noGrp="1"/>
          </p:cNvSpPr>
          <p:nvPr>
            <p:ph type="title"/>
          </p:nvPr>
        </p:nvSpPr>
        <p:spPr/>
        <p:txBody>
          <a:bodyPr/>
          <a:lstStyle/>
          <a:p>
            <a:r>
              <a:rPr lang="de-DE"/>
              <a:t>Compound </a:t>
            </a:r>
            <a:r>
              <a:rPr lang="de-DE" err="1"/>
              <a:t>Scaling</a:t>
            </a:r>
            <a:endParaRPr lang="de-DE"/>
          </a:p>
        </p:txBody>
      </p:sp>
      <p:grpSp>
        <p:nvGrpSpPr>
          <p:cNvPr id="4" name="Group 3">
            <a:extLst>
              <a:ext uri="{FF2B5EF4-FFF2-40B4-BE49-F238E27FC236}">
                <a16:creationId xmlns:a16="http://schemas.microsoft.com/office/drawing/2014/main" id="{B80DFDE5-831E-D832-1D52-A5D93DF83FD5}"/>
              </a:ext>
            </a:extLst>
          </p:cNvPr>
          <p:cNvGrpSpPr/>
          <p:nvPr/>
        </p:nvGrpSpPr>
        <p:grpSpPr>
          <a:xfrm>
            <a:off x="2881283" y="1482653"/>
            <a:ext cx="6431911" cy="3892694"/>
            <a:chOff x="6514858" y="3842929"/>
            <a:chExt cx="5038344" cy="2703426"/>
          </a:xfrm>
        </p:grpSpPr>
        <p:pic>
          <p:nvPicPr>
            <p:cNvPr id="5" name="Picture 4" descr="EfficientNet: Improving Accuracy and Efficiency through AutoML and Model  Scaling – Google Research Blog">
              <a:extLst>
                <a:ext uri="{FF2B5EF4-FFF2-40B4-BE49-F238E27FC236}">
                  <a16:creationId xmlns:a16="http://schemas.microsoft.com/office/drawing/2014/main" id="{B528E15E-5724-F8C3-697F-D289B3B7F60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514858" y="3842929"/>
              <a:ext cx="5038344" cy="2519172"/>
            </a:xfrm>
            <a:prstGeom prst="rect">
              <a:avLst/>
            </a:prstGeom>
            <a:noFill/>
            <a:effectLst>
              <a:outerShdw blurRad="50800" dist="38100" dir="5400000" algn="t" rotWithShape="0">
                <a:prstClr val="black">
                  <a:alpha val="40000"/>
                </a:prstClr>
              </a:outerShdw>
            </a:effectLst>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51A24D1F-84C5-03DD-3869-3005B2C9C1DD}"/>
                </a:ext>
              </a:extLst>
            </p:cNvPr>
            <p:cNvSpPr txBox="1"/>
            <p:nvPr/>
          </p:nvSpPr>
          <p:spPr>
            <a:xfrm>
              <a:off x="6514858" y="6392467"/>
              <a:ext cx="2615938" cy="15388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de-DE" sz="1000" kern="0">
                  <a:ea typeface="Arial Unicode MS" pitchFamily="34" charset="-128"/>
                  <a:cs typeface="Arial Unicode MS" pitchFamily="34" charset="-128"/>
                </a:rPr>
                <a:t>https://arxiv.org/pdf/1905.11946.pdf</a:t>
              </a:r>
            </a:p>
          </p:txBody>
        </p:sp>
      </p:grpSp>
    </p:spTree>
    <p:extLst>
      <p:ext uri="{BB962C8B-B14F-4D97-AF65-F5344CB8AC3E}">
        <p14:creationId xmlns:p14="http://schemas.microsoft.com/office/powerpoint/2010/main" val="44450223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TextBox 17">
            <a:extLst>
              <a:ext uri="{FF2B5EF4-FFF2-40B4-BE49-F238E27FC236}">
                <a16:creationId xmlns:a16="http://schemas.microsoft.com/office/drawing/2014/main" id="{1EFD6AC7-C294-6041-BE2C-C46605501EC3}"/>
              </a:ext>
            </a:extLst>
          </p:cNvPr>
          <p:cNvSpPr txBox="1"/>
          <p:nvPr/>
        </p:nvSpPr>
        <p:spPr>
          <a:xfrm>
            <a:off x="1403349" y="5307727"/>
            <a:ext cx="6285602" cy="630942"/>
          </a:xfrm>
          <a:prstGeom prst="rect">
            <a:avLst/>
          </a:prstGeom>
          <a:noFill/>
        </p:spPr>
        <p:txBody>
          <a:bodyPr wrap="square" lIns="0" tIns="0" rIns="0" bIns="0" rtlCol="0">
            <a:spAutoFit/>
          </a:bodyPr>
          <a:lstStyle/>
          <a:p>
            <a:r>
              <a:rPr lang="en-US" sz="2000" b="1"/>
              <a:t>Conclusion</a:t>
            </a:r>
          </a:p>
          <a:p>
            <a:pPr fontAlgn="base">
              <a:spcAft>
                <a:spcPct val="0"/>
              </a:spcAft>
              <a:buClr>
                <a:srgbClr val="F0AB00"/>
              </a:buClr>
              <a:buSzPct val="80000"/>
            </a:pPr>
            <a:r>
              <a:rPr lang="en-US" sz="2000"/>
              <a:t>Challenges, Summary, Outlook</a:t>
            </a:r>
            <a:endParaRPr lang="en-US" sz="2000">
              <a:latin typeface="Arial" panose="020B0604020202020204" pitchFamily="34" charset="0"/>
            </a:endParaRPr>
          </a:p>
        </p:txBody>
      </p:sp>
      <p:grpSp>
        <p:nvGrpSpPr>
          <p:cNvPr id="51" name="Group 50" descr="Number 4">
            <a:extLst>
              <a:ext uri="{FF2B5EF4-FFF2-40B4-BE49-F238E27FC236}">
                <a16:creationId xmlns:a16="http://schemas.microsoft.com/office/drawing/2014/main" id="{054883CB-B978-CE45-8B59-C25B4E51B276}"/>
              </a:ext>
              <a:ext uri="{C183D7F6-B498-43B3-948B-1728B52AA6E4}">
                <adec:decorative xmlns:adec="http://schemas.microsoft.com/office/drawing/2017/decorative" val="0"/>
              </a:ext>
            </a:extLst>
          </p:cNvPr>
          <p:cNvGrpSpPr>
            <a:grpSpLocks/>
          </p:cNvGrpSpPr>
          <p:nvPr/>
        </p:nvGrpSpPr>
        <p:grpSpPr>
          <a:xfrm>
            <a:off x="767441" y="5222140"/>
            <a:ext cx="468000" cy="720000"/>
            <a:chOff x="723263" y="5368103"/>
            <a:chExt cx="431574" cy="495767"/>
          </a:xfrm>
          <a:effectLst>
            <a:outerShdw blurRad="50800" dist="38100" dir="5400000" algn="t" rotWithShape="0">
              <a:prstClr val="black">
                <a:alpha val="40000"/>
              </a:prstClr>
            </a:outerShdw>
          </a:effectLst>
        </p:grpSpPr>
        <p:sp>
          <p:nvSpPr>
            <p:cNvPr id="45" name="Freeform 44">
              <a:extLst>
                <a:ext uri="{FF2B5EF4-FFF2-40B4-BE49-F238E27FC236}">
                  <a16:creationId xmlns:a16="http://schemas.microsoft.com/office/drawing/2014/main" id="{CB8EF474-AC5B-9D4B-927A-FF8662825E2A}"/>
                </a:ext>
              </a:extLst>
            </p:cNvPr>
            <p:cNvSpPr/>
            <p:nvPr/>
          </p:nvSpPr>
          <p:spPr>
            <a:xfrm>
              <a:off x="729310" y="5372454"/>
              <a:ext cx="425527" cy="491416"/>
            </a:xfrm>
            <a:custGeom>
              <a:avLst/>
              <a:gdLst>
                <a:gd name="connsiteX0" fmla="*/ 425454 w 425527"/>
                <a:gd name="connsiteY0" fmla="*/ 317459 h 491416"/>
                <a:gd name="connsiteX1" fmla="*/ 335120 w 425527"/>
                <a:gd name="connsiteY1" fmla="*/ 317459 h 491416"/>
                <a:gd name="connsiteX2" fmla="*/ 335120 w 425527"/>
                <a:gd name="connsiteY2" fmla="*/ 0 h 491416"/>
                <a:gd name="connsiteX3" fmla="*/ 223586 w 425527"/>
                <a:gd name="connsiteY3" fmla="*/ 0 h 491416"/>
                <a:gd name="connsiteX4" fmla="*/ 229596 w 425527"/>
                <a:gd name="connsiteY4" fmla="*/ 4277 h 491416"/>
                <a:gd name="connsiteX5" fmla="*/ 6010 w 425527"/>
                <a:gd name="connsiteY5" fmla="*/ 320925 h 491416"/>
                <a:gd name="connsiteX6" fmla="*/ 0 w 425527"/>
                <a:gd name="connsiteY6" fmla="*/ 316648 h 491416"/>
                <a:gd name="connsiteX7" fmla="*/ 0 w 425527"/>
                <a:gd name="connsiteY7" fmla="*/ 316648 h 491416"/>
                <a:gd name="connsiteX8" fmla="*/ 0 w 425527"/>
                <a:gd name="connsiteY8" fmla="*/ 388178 h 491416"/>
                <a:gd name="connsiteX9" fmla="*/ 245561 w 425527"/>
                <a:gd name="connsiteY9" fmla="*/ 388178 h 491416"/>
                <a:gd name="connsiteX10" fmla="*/ 245561 w 425527"/>
                <a:gd name="connsiteY10" fmla="*/ 491416 h 491416"/>
                <a:gd name="connsiteX11" fmla="*/ 335157 w 425527"/>
                <a:gd name="connsiteY11" fmla="*/ 491416 h 491416"/>
                <a:gd name="connsiteX12" fmla="*/ 335157 w 425527"/>
                <a:gd name="connsiteY12" fmla="*/ 388178 h 491416"/>
                <a:gd name="connsiteX13" fmla="*/ 425528 w 425527"/>
                <a:gd name="connsiteY13" fmla="*/ 388178 h 491416"/>
                <a:gd name="connsiteX14" fmla="*/ 425528 w 425527"/>
                <a:gd name="connsiteY14" fmla="*/ 317459 h 491416"/>
                <a:gd name="connsiteX15" fmla="*/ 245524 w 425527"/>
                <a:gd name="connsiteY15" fmla="*/ 317459 h 491416"/>
                <a:gd name="connsiteX16" fmla="*/ 97376 w 425527"/>
                <a:gd name="connsiteY16" fmla="*/ 317459 h 491416"/>
                <a:gd name="connsiteX17" fmla="*/ 232988 w 425527"/>
                <a:gd name="connsiteY17" fmla="*/ 121600 h 491416"/>
                <a:gd name="connsiteX18" fmla="*/ 245524 w 425527"/>
                <a:gd name="connsiteY18" fmla="*/ 121600 h 4914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425527" h="491416">
                  <a:moveTo>
                    <a:pt x="425454" y="317459"/>
                  </a:moveTo>
                  <a:lnTo>
                    <a:pt x="335120" y="317459"/>
                  </a:lnTo>
                  <a:lnTo>
                    <a:pt x="335120" y="0"/>
                  </a:lnTo>
                  <a:lnTo>
                    <a:pt x="223586" y="0"/>
                  </a:lnTo>
                  <a:lnTo>
                    <a:pt x="229596" y="4277"/>
                  </a:lnTo>
                  <a:lnTo>
                    <a:pt x="6010" y="320925"/>
                  </a:lnTo>
                  <a:lnTo>
                    <a:pt x="0" y="316648"/>
                  </a:lnTo>
                  <a:lnTo>
                    <a:pt x="0" y="316648"/>
                  </a:lnTo>
                  <a:lnTo>
                    <a:pt x="0" y="388178"/>
                  </a:lnTo>
                  <a:lnTo>
                    <a:pt x="245561" y="388178"/>
                  </a:lnTo>
                  <a:lnTo>
                    <a:pt x="245561" y="491416"/>
                  </a:lnTo>
                  <a:lnTo>
                    <a:pt x="335157" y="491416"/>
                  </a:lnTo>
                  <a:lnTo>
                    <a:pt x="335157" y="388178"/>
                  </a:lnTo>
                  <a:lnTo>
                    <a:pt x="425528" y="388178"/>
                  </a:lnTo>
                  <a:lnTo>
                    <a:pt x="425528" y="317459"/>
                  </a:lnTo>
                  <a:close/>
                  <a:moveTo>
                    <a:pt x="245524" y="317459"/>
                  </a:moveTo>
                  <a:lnTo>
                    <a:pt x="97376" y="317459"/>
                  </a:lnTo>
                  <a:lnTo>
                    <a:pt x="232988" y="121600"/>
                  </a:lnTo>
                  <a:lnTo>
                    <a:pt x="245524" y="121600"/>
                  </a:lnTo>
                  <a:close/>
                </a:path>
              </a:pathLst>
            </a:custGeom>
            <a:solidFill>
              <a:srgbClr val="008FD3"/>
            </a:solidFill>
            <a:ln w="3687" cap="flat">
              <a:noFill/>
              <a:prstDash val="solid"/>
              <a:miter/>
            </a:ln>
          </p:spPr>
          <p:txBody>
            <a:bodyPr rtlCol="0" anchor="ctr"/>
            <a:lstStyle/>
            <a:p>
              <a:endParaRPr lang="en-US"/>
            </a:p>
          </p:txBody>
        </p:sp>
        <p:sp>
          <p:nvSpPr>
            <p:cNvPr id="46" name="Freeform 45">
              <a:extLst>
                <a:ext uri="{FF2B5EF4-FFF2-40B4-BE49-F238E27FC236}">
                  <a16:creationId xmlns:a16="http://schemas.microsoft.com/office/drawing/2014/main" id="{306F9EAA-62B8-9E4A-8902-DA1D356F486F}"/>
                </a:ext>
              </a:extLst>
            </p:cNvPr>
            <p:cNvSpPr/>
            <p:nvPr/>
          </p:nvSpPr>
          <p:spPr>
            <a:xfrm>
              <a:off x="924542" y="5372454"/>
              <a:ext cx="139925" cy="152055"/>
            </a:xfrm>
            <a:custGeom>
              <a:avLst/>
              <a:gdLst>
                <a:gd name="connsiteX0" fmla="*/ 34364 w 139925"/>
                <a:gd name="connsiteY0" fmla="*/ 4277 h 152055"/>
                <a:gd name="connsiteX1" fmla="*/ 0 w 139925"/>
                <a:gd name="connsiteY1" fmla="*/ 52947 h 152055"/>
                <a:gd name="connsiteX2" fmla="*/ 139925 w 139925"/>
                <a:gd name="connsiteY2" fmla="*/ 152056 h 152055"/>
                <a:gd name="connsiteX3" fmla="*/ 139925 w 139925"/>
                <a:gd name="connsiteY3" fmla="*/ 0 h 152055"/>
                <a:gd name="connsiteX4" fmla="*/ 28354 w 139925"/>
                <a:gd name="connsiteY4" fmla="*/ 0 h 152055"/>
                <a:gd name="connsiteX5" fmla="*/ 28354 w 139925"/>
                <a:gd name="connsiteY5" fmla="*/ 0 h 152055"/>
                <a:gd name="connsiteX6" fmla="*/ 28354 w 139925"/>
                <a:gd name="connsiteY6" fmla="*/ 0 h 152055"/>
                <a:gd name="connsiteX7" fmla="*/ 34364 w 139925"/>
                <a:gd name="connsiteY7" fmla="*/ 4277 h 1520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39925" h="152055">
                  <a:moveTo>
                    <a:pt x="34364" y="4277"/>
                  </a:moveTo>
                  <a:lnTo>
                    <a:pt x="0" y="52947"/>
                  </a:lnTo>
                  <a:lnTo>
                    <a:pt x="139925" y="152056"/>
                  </a:lnTo>
                  <a:lnTo>
                    <a:pt x="139925" y="0"/>
                  </a:lnTo>
                  <a:lnTo>
                    <a:pt x="28354" y="0"/>
                  </a:lnTo>
                  <a:lnTo>
                    <a:pt x="28354" y="0"/>
                  </a:lnTo>
                  <a:lnTo>
                    <a:pt x="28354" y="0"/>
                  </a:lnTo>
                  <a:lnTo>
                    <a:pt x="34364" y="4277"/>
                  </a:lnTo>
                  <a:close/>
                </a:path>
              </a:pathLst>
            </a:custGeom>
            <a:solidFill>
              <a:srgbClr val="F0AB00"/>
            </a:solidFill>
            <a:ln w="3687" cap="flat">
              <a:noFill/>
              <a:prstDash val="solid"/>
              <a:miter/>
            </a:ln>
          </p:spPr>
          <p:txBody>
            <a:bodyPr rtlCol="0" anchor="ctr"/>
            <a:lstStyle/>
            <a:p>
              <a:endParaRPr lang="en-US"/>
            </a:p>
          </p:txBody>
        </p:sp>
        <p:sp>
          <p:nvSpPr>
            <p:cNvPr id="47" name="Freeform 46">
              <a:extLst>
                <a:ext uri="{FF2B5EF4-FFF2-40B4-BE49-F238E27FC236}">
                  <a16:creationId xmlns:a16="http://schemas.microsoft.com/office/drawing/2014/main" id="{5EE9E047-C433-944D-A9ED-C4B434D5321E}"/>
                </a:ext>
              </a:extLst>
            </p:cNvPr>
            <p:cNvSpPr/>
            <p:nvPr/>
          </p:nvSpPr>
          <p:spPr>
            <a:xfrm>
              <a:off x="847703" y="5425400"/>
              <a:ext cx="307098" cy="326603"/>
            </a:xfrm>
            <a:custGeom>
              <a:avLst/>
              <a:gdLst>
                <a:gd name="connsiteX0" fmla="*/ 216728 w 307098"/>
                <a:gd name="connsiteY0" fmla="*/ 99257 h 326603"/>
                <a:gd name="connsiteX1" fmla="*/ 216728 w 307098"/>
                <a:gd name="connsiteY1" fmla="*/ 262558 h 326603"/>
                <a:gd name="connsiteX2" fmla="*/ 127131 w 307098"/>
                <a:gd name="connsiteY2" fmla="*/ 198808 h 326603"/>
                <a:gd name="connsiteX3" fmla="*/ 127131 w 307098"/>
                <a:gd name="connsiteY3" fmla="*/ 68654 h 326603"/>
                <a:gd name="connsiteX4" fmla="*/ 114595 w 307098"/>
                <a:gd name="connsiteY4" fmla="*/ 68654 h 326603"/>
                <a:gd name="connsiteX5" fmla="*/ 58219 w 307098"/>
                <a:gd name="connsiteY5" fmla="*/ 150102 h 326603"/>
                <a:gd name="connsiteX6" fmla="*/ 0 w 307098"/>
                <a:gd name="connsiteY6" fmla="*/ 108843 h 326603"/>
                <a:gd name="connsiteX7" fmla="*/ 76839 w 307098"/>
                <a:gd name="connsiteY7" fmla="*/ 0 h 326603"/>
                <a:gd name="connsiteX8" fmla="*/ 307061 w 307098"/>
                <a:gd name="connsiteY8" fmla="*/ 264697 h 326603"/>
                <a:gd name="connsiteX9" fmla="*/ 219751 w 307098"/>
                <a:gd name="connsiteY9" fmla="*/ 264697 h 326603"/>
                <a:gd name="connsiteX10" fmla="*/ 307098 w 307098"/>
                <a:gd name="connsiteY10" fmla="*/ 326603 h 326603"/>
                <a:gd name="connsiteX11" fmla="*/ 307098 w 307098"/>
                <a:gd name="connsiteY11" fmla="*/ 264549 h 3266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07098" h="326603">
                  <a:moveTo>
                    <a:pt x="216728" y="99257"/>
                  </a:moveTo>
                  <a:lnTo>
                    <a:pt x="216728" y="262558"/>
                  </a:lnTo>
                  <a:lnTo>
                    <a:pt x="127131" y="198808"/>
                  </a:lnTo>
                  <a:lnTo>
                    <a:pt x="127131" y="68654"/>
                  </a:lnTo>
                  <a:lnTo>
                    <a:pt x="114595" y="68654"/>
                  </a:lnTo>
                  <a:lnTo>
                    <a:pt x="58219" y="150102"/>
                  </a:lnTo>
                  <a:lnTo>
                    <a:pt x="0" y="108843"/>
                  </a:lnTo>
                  <a:lnTo>
                    <a:pt x="76839" y="0"/>
                  </a:lnTo>
                  <a:close/>
                  <a:moveTo>
                    <a:pt x="307061" y="264697"/>
                  </a:moveTo>
                  <a:lnTo>
                    <a:pt x="219751" y="264697"/>
                  </a:lnTo>
                  <a:lnTo>
                    <a:pt x="307098" y="326603"/>
                  </a:lnTo>
                  <a:lnTo>
                    <a:pt x="307098" y="264549"/>
                  </a:lnTo>
                  <a:close/>
                </a:path>
              </a:pathLst>
            </a:custGeom>
            <a:solidFill>
              <a:srgbClr val="F0AB00">
                <a:alpha val="70000"/>
              </a:srgbClr>
            </a:solidFill>
            <a:ln w="3687" cap="flat">
              <a:noFill/>
              <a:prstDash val="solid"/>
              <a:miter/>
            </a:ln>
          </p:spPr>
          <p:txBody>
            <a:bodyPr rtlCol="0" anchor="ctr"/>
            <a:lstStyle/>
            <a:p>
              <a:endParaRPr lang="en-US"/>
            </a:p>
          </p:txBody>
        </p:sp>
        <p:sp>
          <p:nvSpPr>
            <p:cNvPr id="48" name="Freeform 47">
              <a:extLst>
                <a:ext uri="{FF2B5EF4-FFF2-40B4-BE49-F238E27FC236}">
                  <a16:creationId xmlns:a16="http://schemas.microsoft.com/office/drawing/2014/main" id="{1A1C3D32-A9D9-E244-93C6-72C2729BE4AC}"/>
                </a:ext>
              </a:extLst>
            </p:cNvPr>
            <p:cNvSpPr/>
            <p:nvPr/>
          </p:nvSpPr>
          <p:spPr>
            <a:xfrm>
              <a:off x="770827" y="5534243"/>
              <a:ext cx="383974" cy="316758"/>
            </a:xfrm>
            <a:custGeom>
              <a:avLst/>
              <a:gdLst>
                <a:gd name="connsiteX0" fmla="*/ 135095 w 383974"/>
                <a:gd name="connsiteY0" fmla="*/ 41259 h 316758"/>
                <a:gd name="connsiteX1" fmla="*/ 59252 w 383974"/>
                <a:gd name="connsiteY1" fmla="*/ 150802 h 316758"/>
                <a:gd name="connsiteX2" fmla="*/ 0 w 383974"/>
                <a:gd name="connsiteY2" fmla="*/ 108843 h 316758"/>
                <a:gd name="connsiteX3" fmla="*/ 76876 w 383974"/>
                <a:gd name="connsiteY3" fmla="*/ 0 h 316758"/>
                <a:gd name="connsiteX4" fmla="*/ 293640 w 383974"/>
                <a:gd name="connsiteY4" fmla="*/ 155559 h 316758"/>
                <a:gd name="connsiteX5" fmla="*/ 293640 w 383974"/>
                <a:gd name="connsiteY5" fmla="*/ 153420 h 316758"/>
                <a:gd name="connsiteX6" fmla="*/ 204007 w 383974"/>
                <a:gd name="connsiteY6" fmla="*/ 89965 h 316758"/>
                <a:gd name="connsiteX7" fmla="*/ 204007 w 383974"/>
                <a:gd name="connsiteY7" fmla="*/ 155596 h 316758"/>
                <a:gd name="connsiteX8" fmla="*/ 66183 w 383974"/>
                <a:gd name="connsiteY8" fmla="*/ 155596 h 316758"/>
                <a:gd name="connsiteX9" fmla="*/ 166104 w 383974"/>
                <a:gd name="connsiteY9" fmla="*/ 226388 h 316758"/>
                <a:gd name="connsiteX10" fmla="*/ 204007 w 383974"/>
                <a:gd name="connsiteY10" fmla="*/ 226388 h 316758"/>
                <a:gd name="connsiteX11" fmla="*/ 204007 w 383974"/>
                <a:gd name="connsiteY11" fmla="*/ 253267 h 316758"/>
                <a:gd name="connsiteX12" fmla="*/ 293604 w 383974"/>
                <a:gd name="connsiteY12" fmla="*/ 316758 h 316758"/>
                <a:gd name="connsiteX13" fmla="*/ 293604 w 383974"/>
                <a:gd name="connsiteY13" fmla="*/ 226388 h 316758"/>
                <a:gd name="connsiteX14" fmla="*/ 383974 w 383974"/>
                <a:gd name="connsiteY14" fmla="*/ 226388 h 316758"/>
                <a:gd name="connsiteX15" fmla="*/ 383974 w 383974"/>
                <a:gd name="connsiteY15" fmla="*/ 217502 h 316758"/>
                <a:gd name="connsiteX16" fmla="*/ 296627 w 383974"/>
                <a:gd name="connsiteY16" fmla="*/ 155706 h 316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383974" h="316758">
                  <a:moveTo>
                    <a:pt x="135095" y="41259"/>
                  </a:moveTo>
                  <a:lnTo>
                    <a:pt x="59252" y="150802"/>
                  </a:lnTo>
                  <a:lnTo>
                    <a:pt x="0" y="108843"/>
                  </a:lnTo>
                  <a:lnTo>
                    <a:pt x="76876" y="0"/>
                  </a:lnTo>
                  <a:close/>
                  <a:moveTo>
                    <a:pt x="293640" y="155559"/>
                  </a:moveTo>
                  <a:lnTo>
                    <a:pt x="293640" y="153420"/>
                  </a:lnTo>
                  <a:lnTo>
                    <a:pt x="204007" y="89965"/>
                  </a:lnTo>
                  <a:lnTo>
                    <a:pt x="204007" y="155596"/>
                  </a:lnTo>
                  <a:lnTo>
                    <a:pt x="66183" y="155596"/>
                  </a:lnTo>
                  <a:lnTo>
                    <a:pt x="166104" y="226388"/>
                  </a:lnTo>
                  <a:lnTo>
                    <a:pt x="204007" y="226388"/>
                  </a:lnTo>
                  <a:lnTo>
                    <a:pt x="204007" y="253267"/>
                  </a:lnTo>
                  <a:lnTo>
                    <a:pt x="293604" y="316758"/>
                  </a:lnTo>
                  <a:lnTo>
                    <a:pt x="293604" y="226388"/>
                  </a:lnTo>
                  <a:lnTo>
                    <a:pt x="383974" y="226388"/>
                  </a:lnTo>
                  <a:lnTo>
                    <a:pt x="383974" y="217502"/>
                  </a:lnTo>
                  <a:lnTo>
                    <a:pt x="296627" y="155706"/>
                  </a:lnTo>
                  <a:close/>
                </a:path>
              </a:pathLst>
            </a:custGeom>
            <a:solidFill>
              <a:srgbClr val="F0AB00">
                <a:alpha val="40000"/>
              </a:srgbClr>
            </a:solidFill>
            <a:ln w="3687" cap="flat">
              <a:noFill/>
              <a:prstDash val="solid"/>
              <a:miter/>
            </a:ln>
          </p:spPr>
          <p:txBody>
            <a:bodyPr rtlCol="0" anchor="ctr"/>
            <a:lstStyle/>
            <a:p>
              <a:endParaRPr lang="en-US"/>
            </a:p>
          </p:txBody>
        </p:sp>
        <p:sp>
          <p:nvSpPr>
            <p:cNvPr id="49" name="Freeform 48">
              <a:extLst>
                <a:ext uri="{FF2B5EF4-FFF2-40B4-BE49-F238E27FC236}">
                  <a16:creationId xmlns:a16="http://schemas.microsoft.com/office/drawing/2014/main" id="{9E09A353-CA2D-E842-9685-5AA0109B5183}"/>
                </a:ext>
              </a:extLst>
            </p:cNvPr>
            <p:cNvSpPr/>
            <p:nvPr/>
          </p:nvSpPr>
          <p:spPr>
            <a:xfrm>
              <a:off x="723263" y="5368103"/>
              <a:ext cx="431500" cy="495767"/>
            </a:xfrm>
            <a:custGeom>
              <a:avLst/>
              <a:gdLst>
                <a:gd name="connsiteX0" fmla="*/ 431501 w 431500"/>
                <a:gd name="connsiteY0" fmla="*/ 392528 h 495767"/>
                <a:gd name="connsiteX1" fmla="*/ 431501 w 431500"/>
                <a:gd name="connsiteY1" fmla="*/ 407277 h 495767"/>
                <a:gd name="connsiteX2" fmla="*/ 355915 w 431500"/>
                <a:gd name="connsiteY2" fmla="*/ 407277 h 495767"/>
                <a:gd name="connsiteX3" fmla="*/ 355915 w 431500"/>
                <a:gd name="connsiteY3" fmla="*/ 495767 h 495767"/>
                <a:gd name="connsiteX4" fmla="*/ 341167 w 431500"/>
                <a:gd name="connsiteY4" fmla="*/ 495767 h 495767"/>
                <a:gd name="connsiteX5" fmla="*/ 341167 w 431500"/>
                <a:gd name="connsiteY5" fmla="*/ 392528 h 495767"/>
                <a:gd name="connsiteX6" fmla="*/ 213667 w 431500"/>
                <a:gd name="connsiteY6" fmla="*/ 392528 h 495767"/>
                <a:gd name="connsiteX7" fmla="*/ 6047 w 431500"/>
                <a:gd name="connsiteY7" fmla="*/ 392528 h 495767"/>
                <a:gd name="connsiteX8" fmla="*/ 6047 w 431500"/>
                <a:gd name="connsiteY8" fmla="*/ 407277 h 495767"/>
                <a:gd name="connsiteX9" fmla="*/ 236822 w 431500"/>
                <a:gd name="connsiteY9" fmla="*/ 407277 h 495767"/>
                <a:gd name="connsiteX10" fmla="*/ 236822 w 431500"/>
                <a:gd name="connsiteY10" fmla="*/ 495767 h 495767"/>
                <a:gd name="connsiteX11" fmla="*/ 251571 w 431500"/>
                <a:gd name="connsiteY11" fmla="*/ 495767 h 495767"/>
                <a:gd name="connsiteX12" fmla="*/ 251571 w 431500"/>
                <a:gd name="connsiteY12" fmla="*/ 392528 h 495767"/>
                <a:gd name="connsiteX13" fmla="*/ 251571 w 431500"/>
                <a:gd name="connsiteY13" fmla="*/ 321699 h 495767"/>
                <a:gd name="connsiteX14" fmla="*/ 103423 w 431500"/>
                <a:gd name="connsiteY14" fmla="*/ 321699 h 495767"/>
                <a:gd name="connsiteX15" fmla="*/ 106815 w 431500"/>
                <a:gd name="connsiteY15" fmla="*/ 316795 h 495767"/>
                <a:gd name="connsiteX16" fmla="*/ 182659 w 431500"/>
                <a:gd name="connsiteY16" fmla="*/ 207252 h 495767"/>
                <a:gd name="connsiteX17" fmla="*/ 239035 w 431500"/>
                <a:gd name="connsiteY17" fmla="*/ 125951 h 495767"/>
                <a:gd name="connsiteX18" fmla="*/ 251571 w 431500"/>
                <a:gd name="connsiteY18" fmla="*/ 125951 h 495767"/>
                <a:gd name="connsiteX19" fmla="*/ 251571 w 431500"/>
                <a:gd name="connsiteY19" fmla="*/ 321847 h 495767"/>
                <a:gd name="connsiteX20" fmla="*/ 236822 w 431500"/>
                <a:gd name="connsiteY20" fmla="*/ 306951 h 495767"/>
                <a:gd name="connsiteX21" fmla="*/ 236822 w 431500"/>
                <a:gd name="connsiteY21" fmla="*/ 155079 h 495767"/>
                <a:gd name="connsiteX22" fmla="*/ 131592 w 431500"/>
                <a:gd name="connsiteY22" fmla="*/ 307098 h 495767"/>
                <a:gd name="connsiteX23" fmla="*/ 201279 w 431500"/>
                <a:gd name="connsiteY23" fmla="*/ 57150 h 495767"/>
                <a:gd name="connsiteX24" fmla="*/ 201279 w 431500"/>
                <a:gd name="connsiteY24" fmla="*/ 57150 h 495767"/>
                <a:gd name="connsiteX25" fmla="*/ 235642 w 431500"/>
                <a:gd name="connsiteY25" fmla="*/ 8517 h 495767"/>
                <a:gd name="connsiteX26" fmla="*/ 229632 w 431500"/>
                <a:gd name="connsiteY26" fmla="*/ 4240 h 495767"/>
                <a:gd name="connsiteX27" fmla="*/ 229632 w 431500"/>
                <a:gd name="connsiteY27" fmla="*/ 4240 h 495767"/>
                <a:gd name="connsiteX28" fmla="*/ 223622 w 431500"/>
                <a:gd name="connsiteY28" fmla="*/ 0 h 495767"/>
                <a:gd name="connsiteX29" fmla="*/ 0 w 431500"/>
                <a:gd name="connsiteY29" fmla="*/ 316758 h 495767"/>
                <a:gd name="connsiteX30" fmla="*/ 6047 w 431500"/>
                <a:gd name="connsiteY30" fmla="*/ 320999 h 495767"/>
                <a:gd name="connsiteX31" fmla="*/ 12057 w 431500"/>
                <a:gd name="connsiteY31" fmla="*/ 325276 h 495767"/>
                <a:gd name="connsiteX32" fmla="*/ 47564 w 431500"/>
                <a:gd name="connsiteY32" fmla="*/ 274984 h 495767"/>
                <a:gd name="connsiteX33" fmla="*/ 124440 w 431500"/>
                <a:gd name="connsiteY33" fmla="*/ 166141 h 495767"/>
                <a:gd name="connsiteX34" fmla="*/ 341167 w 431500"/>
                <a:gd name="connsiteY34" fmla="*/ 156554 h 495767"/>
                <a:gd name="connsiteX35" fmla="*/ 341167 w 431500"/>
                <a:gd name="connsiteY35" fmla="*/ 321994 h 495767"/>
                <a:gd name="connsiteX36" fmla="*/ 431501 w 431500"/>
                <a:gd name="connsiteY36" fmla="*/ 321994 h 495767"/>
                <a:gd name="connsiteX37" fmla="*/ 431501 w 431500"/>
                <a:gd name="connsiteY37" fmla="*/ 307246 h 495767"/>
                <a:gd name="connsiteX38" fmla="*/ 355915 w 431500"/>
                <a:gd name="connsiteY38" fmla="*/ 307246 h 495767"/>
                <a:gd name="connsiteX39" fmla="*/ 355915 w 431500"/>
                <a:gd name="connsiteY39" fmla="*/ 4351 h 495767"/>
                <a:gd name="connsiteX40" fmla="*/ 341167 w 431500"/>
                <a:gd name="connsiteY40" fmla="*/ 4351 h 495767"/>
                <a:gd name="connsiteX41" fmla="*/ 341167 w 431500"/>
                <a:gd name="connsiteY41" fmla="*/ 156554 h 495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431500" h="495767">
                  <a:moveTo>
                    <a:pt x="431501" y="392528"/>
                  </a:moveTo>
                  <a:lnTo>
                    <a:pt x="431501" y="407277"/>
                  </a:lnTo>
                  <a:lnTo>
                    <a:pt x="355915" y="407277"/>
                  </a:lnTo>
                  <a:lnTo>
                    <a:pt x="355915" y="495767"/>
                  </a:lnTo>
                  <a:lnTo>
                    <a:pt x="341167" y="495767"/>
                  </a:lnTo>
                  <a:lnTo>
                    <a:pt x="341167" y="392528"/>
                  </a:lnTo>
                  <a:close/>
                  <a:moveTo>
                    <a:pt x="213667" y="392528"/>
                  </a:moveTo>
                  <a:lnTo>
                    <a:pt x="6047" y="392528"/>
                  </a:lnTo>
                  <a:lnTo>
                    <a:pt x="6047" y="407277"/>
                  </a:lnTo>
                  <a:lnTo>
                    <a:pt x="236822" y="407277"/>
                  </a:lnTo>
                  <a:lnTo>
                    <a:pt x="236822" y="495767"/>
                  </a:lnTo>
                  <a:lnTo>
                    <a:pt x="251571" y="495767"/>
                  </a:lnTo>
                  <a:lnTo>
                    <a:pt x="251571" y="392528"/>
                  </a:lnTo>
                  <a:close/>
                  <a:moveTo>
                    <a:pt x="251571" y="321699"/>
                  </a:moveTo>
                  <a:lnTo>
                    <a:pt x="103423" y="321699"/>
                  </a:lnTo>
                  <a:lnTo>
                    <a:pt x="106815" y="316795"/>
                  </a:lnTo>
                  <a:lnTo>
                    <a:pt x="182659" y="207252"/>
                  </a:lnTo>
                  <a:lnTo>
                    <a:pt x="239035" y="125951"/>
                  </a:lnTo>
                  <a:lnTo>
                    <a:pt x="251571" y="125951"/>
                  </a:lnTo>
                  <a:lnTo>
                    <a:pt x="251571" y="321847"/>
                  </a:lnTo>
                  <a:close/>
                  <a:moveTo>
                    <a:pt x="236822" y="306951"/>
                  </a:moveTo>
                  <a:lnTo>
                    <a:pt x="236822" y="155079"/>
                  </a:lnTo>
                  <a:lnTo>
                    <a:pt x="131592" y="307098"/>
                  </a:lnTo>
                  <a:close/>
                  <a:moveTo>
                    <a:pt x="201279" y="57150"/>
                  </a:moveTo>
                  <a:lnTo>
                    <a:pt x="201279" y="57150"/>
                  </a:lnTo>
                  <a:lnTo>
                    <a:pt x="235642" y="8517"/>
                  </a:lnTo>
                  <a:lnTo>
                    <a:pt x="229632" y="4240"/>
                  </a:lnTo>
                  <a:lnTo>
                    <a:pt x="229632" y="4240"/>
                  </a:lnTo>
                  <a:lnTo>
                    <a:pt x="223622" y="0"/>
                  </a:lnTo>
                  <a:lnTo>
                    <a:pt x="0" y="316758"/>
                  </a:lnTo>
                  <a:lnTo>
                    <a:pt x="6047" y="320999"/>
                  </a:lnTo>
                  <a:lnTo>
                    <a:pt x="12057" y="325276"/>
                  </a:lnTo>
                  <a:lnTo>
                    <a:pt x="47564" y="274984"/>
                  </a:lnTo>
                  <a:lnTo>
                    <a:pt x="124440" y="166141"/>
                  </a:lnTo>
                  <a:close/>
                  <a:moveTo>
                    <a:pt x="341167" y="156554"/>
                  </a:moveTo>
                  <a:lnTo>
                    <a:pt x="341167" y="321994"/>
                  </a:lnTo>
                  <a:lnTo>
                    <a:pt x="431501" y="321994"/>
                  </a:lnTo>
                  <a:lnTo>
                    <a:pt x="431501" y="307246"/>
                  </a:lnTo>
                  <a:lnTo>
                    <a:pt x="355915" y="307246"/>
                  </a:lnTo>
                  <a:lnTo>
                    <a:pt x="355915" y="4351"/>
                  </a:lnTo>
                  <a:lnTo>
                    <a:pt x="341167" y="4351"/>
                  </a:lnTo>
                  <a:lnTo>
                    <a:pt x="341167" y="156554"/>
                  </a:lnTo>
                  <a:close/>
                </a:path>
              </a:pathLst>
            </a:custGeom>
            <a:solidFill>
              <a:schemeClr val="tx1"/>
            </a:solidFill>
            <a:ln w="3687" cap="flat">
              <a:noFill/>
              <a:prstDash val="solid"/>
              <a:miter/>
            </a:ln>
          </p:spPr>
          <p:txBody>
            <a:bodyPr rtlCol="0" anchor="ctr"/>
            <a:lstStyle/>
            <a:p>
              <a:endParaRPr lang="en-US"/>
            </a:p>
          </p:txBody>
        </p:sp>
      </p:grpSp>
      <p:cxnSp>
        <p:nvCxnSpPr>
          <p:cNvPr id="17" name="Straight Connector 16" descr="Straight line">
            <a:extLst>
              <a:ext uri="{FF2B5EF4-FFF2-40B4-BE49-F238E27FC236}">
                <a16:creationId xmlns:a16="http://schemas.microsoft.com/office/drawing/2014/main" id="{347B782C-0BC8-4741-8B56-F925653AA91E}"/>
              </a:ext>
            </a:extLst>
          </p:cNvPr>
          <p:cNvCxnSpPr>
            <a:cxnSpLocks/>
          </p:cNvCxnSpPr>
          <p:nvPr/>
        </p:nvCxnSpPr>
        <p:spPr>
          <a:xfrm>
            <a:off x="488951" y="4951042"/>
            <a:ext cx="5760000"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A1496345-2F8A-D948-9469-CCB5FC32DBEF}"/>
              </a:ext>
            </a:extLst>
          </p:cNvPr>
          <p:cNvSpPr txBox="1"/>
          <p:nvPr/>
        </p:nvSpPr>
        <p:spPr>
          <a:xfrm>
            <a:off x="1403349" y="4174500"/>
            <a:ext cx="9873568" cy="307777"/>
          </a:xfrm>
          <a:prstGeom prst="rect">
            <a:avLst/>
          </a:prstGeom>
          <a:noFill/>
        </p:spPr>
        <p:txBody>
          <a:bodyPr wrap="square" lIns="0" tIns="0" rIns="0" bIns="0" rtlCol="0">
            <a:spAutoFit/>
          </a:bodyPr>
          <a:lstStyle/>
          <a:p>
            <a:r>
              <a:rPr lang="en-US" sz="2000" b="1"/>
              <a:t>Demo</a:t>
            </a:r>
          </a:p>
        </p:txBody>
      </p:sp>
      <p:grpSp>
        <p:nvGrpSpPr>
          <p:cNvPr id="43" name="Group 42" descr="Number 3">
            <a:extLst>
              <a:ext uri="{FF2B5EF4-FFF2-40B4-BE49-F238E27FC236}">
                <a16:creationId xmlns:a16="http://schemas.microsoft.com/office/drawing/2014/main" id="{23FA6E96-58CC-8247-BFE2-D1475A02E94E}"/>
              </a:ext>
              <a:ext uri="{C183D7F6-B498-43B3-948B-1728B52AA6E4}">
                <adec:decorative xmlns:adec="http://schemas.microsoft.com/office/drawing/2017/decorative" val="0"/>
              </a:ext>
            </a:extLst>
          </p:cNvPr>
          <p:cNvGrpSpPr>
            <a:grpSpLocks/>
          </p:cNvGrpSpPr>
          <p:nvPr/>
        </p:nvGrpSpPr>
        <p:grpSpPr>
          <a:xfrm>
            <a:off x="767441" y="3968388"/>
            <a:ext cx="468000" cy="720000"/>
            <a:chOff x="744907" y="4074634"/>
            <a:chExt cx="398334" cy="518377"/>
          </a:xfrm>
          <a:effectLst>
            <a:outerShdw blurRad="50800" dist="38100" dir="5400000" algn="t" rotWithShape="0">
              <a:prstClr val="black">
                <a:alpha val="40000"/>
              </a:prstClr>
            </a:outerShdw>
          </a:effectLst>
        </p:grpSpPr>
        <p:sp>
          <p:nvSpPr>
            <p:cNvPr id="37" name="Freeform 36">
              <a:extLst>
                <a:ext uri="{FF2B5EF4-FFF2-40B4-BE49-F238E27FC236}">
                  <a16:creationId xmlns:a16="http://schemas.microsoft.com/office/drawing/2014/main" id="{A35794C8-73D6-7545-A0EE-FCF45C32EE35}"/>
                </a:ext>
              </a:extLst>
            </p:cNvPr>
            <p:cNvSpPr/>
            <p:nvPr/>
          </p:nvSpPr>
          <p:spPr>
            <a:xfrm>
              <a:off x="765481" y="4074634"/>
              <a:ext cx="363123" cy="503650"/>
            </a:xfrm>
            <a:custGeom>
              <a:avLst/>
              <a:gdLst>
                <a:gd name="connsiteX0" fmla="*/ 337222 w 363123"/>
                <a:gd name="connsiteY0" fmla="*/ 288692 h 503650"/>
                <a:gd name="connsiteX1" fmla="*/ 278228 w 363123"/>
                <a:gd name="connsiteY1" fmla="*/ 253222 h 503650"/>
                <a:gd name="connsiteX2" fmla="*/ 278228 w 363123"/>
                <a:gd name="connsiteY2" fmla="*/ 253222 h 503650"/>
                <a:gd name="connsiteX3" fmla="*/ 259793 w 363123"/>
                <a:gd name="connsiteY3" fmla="*/ 249056 h 503650"/>
                <a:gd name="connsiteX4" fmla="*/ 222000 w 363123"/>
                <a:gd name="connsiteY4" fmla="*/ 242566 h 503650"/>
                <a:gd name="connsiteX5" fmla="*/ 259498 w 363123"/>
                <a:gd name="connsiteY5" fmla="*/ 234565 h 503650"/>
                <a:gd name="connsiteX6" fmla="*/ 278376 w 363123"/>
                <a:gd name="connsiteY6" fmla="*/ 229293 h 503650"/>
                <a:gd name="connsiteX7" fmla="*/ 278376 w 363123"/>
                <a:gd name="connsiteY7" fmla="*/ 229293 h 503650"/>
                <a:gd name="connsiteX8" fmla="*/ 278376 w 363123"/>
                <a:gd name="connsiteY8" fmla="*/ 229293 h 503650"/>
                <a:gd name="connsiteX9" fmla="*/ 278376 w 363123"/>
                <a:gd name="connsiteY9" fmla="*/ 229293 h 503650"/>
                <a:gd name="connsiteX10" fmla="*/ 327045 w 363123"/>
                <a:gd name="connsiteY10" fmla="*/ 196588 h 503650"/>
                <a:gd name="connsiteX11" fmla="*/ 349905 w 363123"/>
                <a:gd name="connsiteY11" fmla="*/ 127492 h 503650"/>
                <a:gd name="connsiteX12" fmla="*/ 310343 w 363123"/>
                <a:gd name="connsiteY12" fmla="*/ 40255 h 503650"/>
                <a:gd name="connsiteX13" fmla="*/ 318934 w 363123"/>
                <a:gd name="connsiteY13" fmla="*/ 29194 h 503650"/>
                <a:gd name="connsiteX14" fmla="*/ 319266 w 363123"/>
                <a:gd name="connsiteY14" fmla="*/ 28604 h 503650"/>
                <a:gd name="connsiteX15" fmla="*/ 278486 w 363123"/>
                <a:gd name="connsiteY15" fmla="*/ 11754 h 503650"/>
                <a:gd name="connsiteX16" fmla="*/ 278486 w 363123"/>
                <a:gd name="connsiteY16" fmla="*/ 11754 h 503650"/>
                <a:gd name="connsiteX17" fmla="*/ 180668 w 363123"/>
                <a:gd name="connsiteY17" fmla="*/ 213 h 503650"/>
                <a:gd name="connsiteX18" fmla="*/ 179451 w 363123"/>
                <a:gd name="connsiteY18" fmla="*/ 213 h 503650"/>
                <a:gd name="connsiteX19" fmla="*/ 168095 w 363123"/>
                <a:gd name="connsiteY19" fmla="*/ 656 h 503650"/>
                <a:gd name="connsiteX20" fmla="*/ 88490 w 363123"/>
                <a:gd name="connsiteY20" fmla="*/ 12160 h 503650"/>
                <a:gd name="connsiteX21" fmla="*/ 93431 w 363123"/>
                <a:gd name="connsiteY21" fmla="*/ 26023 h 503650"/>
                <a:gd name="connsiteX22" fmla="*/ 82775 w 363123"/>
                <a:gd name="connsiteY22" fmla="*/ 30042 h 503650"/>
                <a:gd name="connsiteX23" fmla="*/ 19615 w 363123"/>
                <a:gd name="connsiteY23" fmla="*/ 68867 h 503650"/>
                <a:gd name="connsiteX24" fmla="*/ 68986 w 363123"/>
                <a:gd name="connsiteY24" fmla="*/ 125833 h 503650"/>
                <a:gd name="connsiteX25" fmla="*/ 82738 w 363123"/>
                <a:gd name="connsiteY25" fmla="*/ 114514 h 503650"/>
                <a:gd name="connsiteX26" fmla="*/ 121232 w 363123"/>
                <a:gd name="connsiteY26" fmla="*/ 92907 h 503650"/>
                <a:gd name="connsiteX27" fmla="*/ 179230 w 363123"/>
                <a:gd name="connsiteY27" fmla="*/ 81846 h 503650"/>
                <a:gd name="connsiteX28" fmla="*/ 180668 w 363123"/>
                <a:gd name="connsiteY28" fmla="*/ 81846 h 503650"/>
                <a:gd name="connsiteX29" fmla="*/ 239956 w 363123"/>
                <a:gd name="connsiteY29" fmla="*/ 98917 h 503650"/>
                <a:gd name="connsiteX30" fmla="*/ 257765 w 363123"/>
                <a:gd name="connsiteY30" fmla="*/ 144084 h 503650"/>
                <a:gd name="connsiteX31" fmla="*/ 253857 w 363123"/>
                <a:gd name="connsiteY31" fmla="*/ 169894 h 503650"/>
                <a:gd name="connsiteX32" fmla="*/ 235864 w 363123"/>
                <a:gd name="connsiteY32" fmla="*/ 193454 h 503650"/>
                <a:gd name="connsiteX33" fmla="*/ 201205 w 363123"/>
                <a:gd name="connsiteY33" fmla="*/ 208203 h 503650"/>
                <a:gd name="connsiteX34" fmla="*/ 180668 w 363123"/>
                <a:gd name="connsiteY34" fmla="*/ 211890 h 503650"/>
                <a:gd name="connsiteX35" fmla="*/ 145050 w 363123"/>
                <a:gd name="connsiteY35" fmla="*/ 213807 h 503650"/>
                <a:gd name="connsiteX36" fmla="*/ 118466 w 363123"/>
                <a:gd name="connsiteY36" fmla="*/ 213807 h 503650"/>
                <a:gd name="connsiteX37" fmla="*/ 118466 w 363123"/>
                <a:gd name="connsiteY37" fmla="*/ 276820 h 503650"/>
                <a:gd name="connsiteX38" fmla="*/ 143096 w 363123"/>
                <a:gd name="connsiteY38" fmla="*/ 276820 h 503650"/>
                <a:gd name="connsiteX39" fmla="*/ 180668 w 363123"/>
                <a:gd name="connsiteY39" fmla="*/ 278737 h 503650"/>
                <a:gd name="connsiteX40" fmla="*/ 234389 w 363123"/>
                <a:gd name="connsiteY40" fmla="*/ 293485 h 503650"/>
                <a:gd name="connsiteX41" fmla="*/ 267794 w 363123"/>
                <a:gd name="connsiteY41" fmla="*/ 357014 h 503650"/>
                <a:gd name="connsiteX42" fmla="*/ 243901 w 363123"/>
                <a:gd name="connsiteY42" fmla="*/ 413353 h 503650"/>
                <a:gd name="connsiteX43" fmla="*/ 180668 w 363123"/>
                <a:gd name="connsiteY43" fmla="*/ 432452 h 503650"/>
                <a:gd name="connsiteX44" fmla="*/ 176169 w 363123"/>
                <a:gd name="connsiteY44" fmla="*/ 432452 h 503650"/>
                <a:gd name="connsiteX45" fmla="*/ 176169 w 363123"/>
                <a:gd name="connsiteY45" fmla="*/ 417703 h 503650"/>
                <a:gd name="connsiteX46" fmla="*/ 93579 w 363123"/>
                <a:gd name="connsiteY46" fmla="*/ 391931 h 503650"/>
                <a:gd name="connsiteX47" fmla="*/ 90887 w 363123"/>
                <a:gd name="connsiteY47" fmla="*/ 390050 h 503650"/>
                <a:gd name="connsiteX48" fmla="*/ 89449 w 363123"/>
                <a:gd name="connsiteY48" fmla="*/ 388981 h 503650"/>
                <a:gd name="connsiteX49" fmla="*/ 82738 w 363123"/>
                <a:gd name="connsiteY49" fmla="*/ 383782 h 503650"/>
                <a:gd name="connsiteX50" fmla="*/ 66147 w 363123"/>
                <a:gd name="connsiteY50" fmla="*/ 367448 h 503650"/>
                <a:gd name="connsiteX51" fmla="*/ 66147 w 363123"/>
                <a:gd name="connsiteY51" fmla="*/ 367448 h 503650"/>
                <a:gd name="connsiteX52" fmla="*/ 66478 w 363123"/>
                <a:gd name="connsiteY52" fmla="*/ 367817 h 503650"/>
                <a:gd name="connsiteX53" fmla="*/ 60763 w 363123"/>
                <a:gd name="connsiteY53" fmla="*/ 372942 h 503650"/>
                <a:gd name="connsiteX54" fmla="*/ 0 w 363123"/>
                <a:gd name="connsiteY54" fmla="*/ 427732 h 503650"/>
                <a:gd name="connsiteX55" fmla="*/ 73963 w 363123"/>
                <a:gd name="connsiteY55" fmla="*/ 483039 h 503650"/>
                <a:gd name="connsiteX56" fmla="*/ 82849 w 363123"/>
                <a:gd name="connsiteY56" fmla="*/ 486726 h 503650"/>
                <a:gd name="connsiteX57" fmla="*/ 180668 w 363123"/>
                <a:gd name="connsiteY57" fmla="*/ 503613 h 503650"/>
                <a:gd name="connsiteX58" fmla="*/ 180668 w 363123"/>
                <a:gd name="connsiteY58" fmla="*/ 503613 h 503650"/>
                <a:gd name="connsiteX59" fmla="*/ 256991 w 363123"/>
                <a:gd name="connsiteY59" fmla="*/ 493842 h 503650"/>
                <a:gd name="connsiteX60" fmla="*/ 278376 w 363123"/>
                <a:gd name="connsiteY60" fmla="*/ 486468 h 503650"/>
                <a:gd name="connsiteX61" fmla="*/ 278376 w 363123"/>
                <a:gd name="connsiteY61" fmla="*/ 486468 h 503650"/>
                <a:gd name="connsiteX62" fmla="*/ 314288 w 363123"/>
                <a:gd name="connsiteY62" fmla="*/ 466152 h 503650"/>
                <a:gd name="connsiteX63" fmla="*/ 350274 w 363123"/>
                <a:gd name="connsiteY63" fmla="*/ 422423 h 503650"/>
                <a:gd name="connsiteX64" fmla="*/ 363105 w 363123"/>
                <a:gd name="connsiteY64" fmla="*/ 363724 h 503650"/>
                <a:gd name="connsiteX65" fmla="*/ 337222 w 363123"/>
                <a:gd name="connsiteY65" fmla="*/ 288692 h 5036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363123" h="503650">
                  <a:moveTo>
                    <a:pt x="337222" y="288692"/>
                  </a:moveTo>
                  <a:cubicBezTo>
                    <a:pt x="323322" y="272174"/>
                    <a:pt x="303559" y="260264"/>
                    <a:pt x="278228" y="253222"/>
                  </a:cubicBezTo>
                  <a:lnTo>
                    <a:pt x="278228" y="253222"/>
                  </a:lnTo>
                  <a:cubicBezTo>
                    <a:pt x="272159" y="251511"/>
                    <a:pt x="266006" y="250121"/>
                    <a:pt x="259793" y="249056"/>
                  </a:cubicBezTo>
                  <a:lnTo>
                    <a:pt x="222000" y="242566"/>
                  </a:lnTo>
                  <a:lnTo>
                    <a:pt x="259498" y="234565"/>
                  </a:lnTo>
                  <a:cubicBezTo>
                    <a:pt x="265895" y="233212"/>
                    <a:pt x="272204" y="231453"/>
                    <a:pt x="278376" y="229293"/>
                  </a:cubicBezTo>
                  <a:lnTo>
                    <a:pt x="278376" y="229293"/>
                  </a:lnTo>
                  <a:lnTo>
                    <a:pt x="278376" y="229293"/>
                  </a:lnTo>
                  <a:lnTo>
                    <a:pt x="278376" y="229293"/>
                  </a:lnTo>
                  <a:cubicBezTo>
                    <a:pt x="297390" y="223261"/>
                    <a:pt x="314277" y="211912"/>
                    <a:pt x="327045" y="196588"/>
                  </a:cubicBezTo>
                  <a:cubicBezTo>
                    <a:pt x="342469" y="176914"/>
                    <a:pt x="350554" y="152482"/>
                    <a:pt x="349905" y="127492"/>
                  </a:cubicBezTo>
                  <a:cubicBezTo>
                    <a:pt x="349905" y="89294"/>
                    <a:pt x="336964" y="60756"/>
                    <a:pt x="310343" y="40255"/>
                  </a:cubicBezTo>
                  <a:lnTo>
                    <a:pt x="318934" y="29194"/>
                  </a:lnTo>
                  <a:lnTo>
                    <a:pt x="319266" y="28604"/>
                  </a:lnTo>
                  <a:cubicBezTo>
                    <a:pt x="306335" y="21500"/>
                    <a:pt x="292660" y="15849"/>
                    <a:pt x="278486" y="11754"/>
                  </a:cubicBezTo>
                  <a:lnTo>
                    <a:pt x="278486" y="11754"/>
                  </a:lnTo>
                  <a:cubicBezTo>
                    <a:pt x="246667" y="2902"/>
                    <a:pt x="213675" y="-990"/>
                    <a:pt x="180668" y="213"/>
                  </a:cubicBezTo>
                  <a:lnTo>
                    <a:pt x="179451" y="213"/>
                  </a:lnTo>
                  <a:cubicBezTo>
                    <a:pt x="175543" y="213"/>
                    <a:pt x="171745" y="472"/>
                    <a:pt x="168095" y="656"/>
                  </a:cubicBezTo>
                  <a:cubicBezTo>
                    <a:pt x="141267" y="2093"/>
                    <a:pt x="114624" y="5943"/>
                    <a:pt x="88490" y="12160"/>
                  </a:cubicBezTo>
                  <a:lnTo>
                    <a:pt x="93431" y="26023"/>
                  </a:lnTo>
                  <a:cubicBezTo>
                    <a:pt x="89744" y="27277"/>
                    <a:pt x="86278" y="28641"/>
                    <a:pt x="82775" y="30042"/>
                  </a:cubicBezTo>
                  <a:cubicBezTo>
                    <a:pt x="59610" y="39183"/>
                    <a:pt x="38231" y="52325"/>
                    <a:pt x="19615" y="68867"/>
                  </a:cubicBezTo>
                  <a:lnTo>
                    <a:pt x="68986" y="125833"/>
                  </a:lnTo>
                  <a:cubicBezTo>
                    <a:pt x="73521" y="121740"/>
                    <a:pt x="78130" y="117979"/>
                    <a:pt x="82738" y="114514"/>
                  </a:cubicBezTo>
                  <a:cubicBezTo>
                    <a:pt x="94463" y="105497"/>
                    <a:pt x="107427" y="98220"/>
                    <a:pt x="121232" y="92907"/>
                  </a:cubicBezTo>
                  <a:cubicBezTo>
                    <a:pt x="139756" y="85810"/>
                    <a:pt x="159393" y="82064"/>
                    <a:pt x="179230" y="81846"/>
                  </a:cubicBezTo>
                  <a:lnTo>
                    <a:pt x="180668" y="81846"/>
                  </a:lnTo>
                  <a:cubicBezTo>
                    <a:pt x="208800" y="81846"/>
                    <a:pt x="228194" y="87598"/>
                    <a:pt x="239956" y="98917"/>
                  </a:cubicBezTo>
                  <a:cubicBezTo>
                    <a:pt x="251958" y="110814"/>
                    <a:pt x="258418" y="127199"/>
                    <a:pt x="257765" y="144084"/>
                  </a:cubicBezTo>
                  <a:cubicBezTo>
                    <a:pt x="257776" y="152835"/>
                    <a:pt x="256456" y="161537"/>
                    <a:pt x="253857" y="169894"/>
                  </a:cubicBezTo>
                  <a:cubicBezTo>
                    <a:pt x="250634" y="179524"/>
                    <a:pt x="244307" y="187809"/>
                    <a:pt x="235864" y="193454"/>
                  </a:cubicBezTo>
                  <a:cubicBezTo>
                    <a:pt x="225278" y="200393"/>
                    <a:pt x="213542" y="205386"/>
                    <a:pt x="201205" y="208203"/>
                  </a:cubicBezTo>
                  <a:cubicBezTo>
                    <a:pt x="194450" y="209895"/>
                    <a:pt x="187588" y="211126"/>
                    <a:pt x="180668" y="211890"/>
                  </a:cubicBezTo>
                  <a:cubicBezTo>
                    <a:pt x="168843" y="213232"/>
                    <a:pt x="156949" y="213873"/>
                    <a:pt x="145050" y="213807"/>
                  </a:cubicBezTo>
                  <a:lnTo>
                    <a:pt x="118466" y="213807"/>
                  </a:lnTo>
                  <a:lnTo>
                    <a:pt x="118466" y="276820"/>
                  </a:lnTo>
                  <a:lnTo>
                    <a:pt x="143096" y="276820"/>
                  </a:lnTo>
                  <a:cubicBezTo>
                    <a:pt x="155647" y="276772"/>
                    <a:pt x="168187" y="277409"/>
                    <a:pt x="180668" y="278737"/>
                  </a:cubicBezTo>
                  <a:cubicBezTo>
                    <a:pt x="202790" y="281207"/>
                    <a:pt x="220562" y="286111"/>
                    <a:pt x="234389" y="293485"/>
                  </a:cubicBezTo>
                  <a:cubicBezTo>
                    <a:pt x="256511" y="305321"/>
                    <a:pt x="267794" y="326669"/>
                    <a:pt x="267794" y="357014"/>
                  </a:cubicBezTo>
                  <a:cubicBezTo>
                    <a:pt x="267794" y="381275"/>
                    <a:pt x="259756" y="400263"/>
                    <a:pt x="243901" y="413353"/>
                  </a:cubicBezTo>
                  <a:cubicBezTo>
                    <a:pt x="229153" y="425446"/>
                    <a:pt x="207952" y="431788"/>
                    <a:pt x="180668" y="432452"/>
                  </a:cubicBezTo>
                  <a:cubicBezTo>
                    <a:pt x="179156" y="432452"/>
                    <a:pt x="177718" y="432452"/>
                    <a:pt x="176169" y="432452"/>
                  </a:cubicBezTo>
                  <a:lnTo>
                    <a:pt x="176169" y="417703"/>
                  </a:lnTo>
                  <a:cubicBezTo>
                    <a:pt x="146710" y="417394"/>
                    <a:pt x="117987" y="408430"/>
                    <a:pt x="93579" y="391931"/>
                  </a:cubicBezTo>
                  <a:lnTo>
                    <a:pt x="90887" y="390050"/>
                  </a:lnTo>
                  <a:lnTo>
                    <a:pt x="89449" y="388981"/>
                  </a:lnTo>
                  <a:cubicBezTo>
                    <a:pt x="87015" y="387211"/>
                    <a:pt x="84803" y="385478"/>
                    <a:pt x="82738" y="383782"/>
                  </a:cubicBezTo>
                  <a:cubicBezTo>
                    <a:pt x="76666" y="378915"/>
                    <a:pt x="71107" y="373444"/>
                    <a:pt x="66147" y="367448"/>
                  </a:cubicBezTo>
                  <a:lnTo>
                    <a:pt x="66147" y="367448"/>
                  </a:lnTo>
                  <a:lnTo>
                    <a:pt x="66478" y="367817"/>
                  </a:lnTo>
                  <a:lnTo>
                    <a:pt x="60763" y="372942"/>
                  </a:lnTo>
                  <a:lnTo>
                    <a:pt x="0" y="427732"/>
                  </a:lnTo>
                  <a:cubicBezTo>
                    <a:pt x="20392" y="451271"/>
                    <a:pt x="45620" y="470134"/>
                    <a:pt x="73963" y="483039"/>
                  </a:cubicBezTo>
                  <a:cubicBezTo>
                    <a:pt x="76876" y="484366"/>
                    <a:pt x="79863" y="485546"/>
                    <a:pt x="82849" y="486726"/>
                  </a:cubicBezTo>
                  <a:cubicBezTo>
                    <a:pt x="114105" y="498447"/>
                    <a:pt x="147292" y="504177"/>
                    <a:pt x="180668" y="503613"/>
                  </a:cubicBezTo>
                  <a:lnTo>
                    <a:pt x="180668" y="503613"/>
                  </a:lnTo>
                  <a:cubicBezTo>
                    <a:pt x="206437" y="503897"/>
                    <a:pt x="232121" y="500608"/>
                    <a:pt x="256991" y="493842"/>
                  </a:cubicBezTo>
                  <a:cubicBezTo>
                    <a:pt x="264254" y="491796"/>
                    <a:pt x="271396" y="489333"/>
                    <a:pt x="278376" y="486468"/>
                  </a:cubicBezTo>
                  <a:lnTo>
                    <a:pt x="278376" y="486468"/>
                  </a:lnTo>
                  <a:cubicBezTo>
                    <a:pt x="291200" y="481328"/>
                    <a:pt x="303278" y="474496"/>
                    <a:pt x="314288" y="466152"/>
                  </a:cubicBezTo>
                  <a:cubicBezTo>
                    <a:pt x="329468" y="454519"/>
                    <a:pt x="341779" y="439561"/>
                    <a:pt x="350274" y="422423"/>
                  </a:cubicBezTo>
                  <a:cubicBezTo>
                    <a:pt x="359053" y="404120"/>
                    <a:pt x="363445" y="384022"/>
                    <a:pt x="363105" y="363724"/>
                  </a:cubicBezTo>
                  <a:cubicBezTo>
                    <a:pt x="363032" y="334412"/>
                    <a:pt x="354367" y="309229"/>
                    <a:pt x="337222" y="288692"/>
                  </a:cubicBezTo>
                  <a:close/>
                </a:path>
              </a:pathLst>
            </a:custGeom>
            <a:solidFill>
              <a:srgbClr val="008FD3"/>
            </a:solidFill>
            <a:ln w="3687" cap="flat">
              <a:noFill/>
              <a:prstDash val="solid"/>
              <a:miter/>
            </a:ln>
          </p:spPr>
          <p:txBody>
            <a:bodyPr rtlCol="0" anchor="ctr"/>
            <a:lstStyle/>
            <a:p>
              <a:endParaRPr lang="en-US"/>
            </a:p>
          </p:txBody>
        </p:sp>
        <p:sp>
          <p:nvSpPr>
            <p:cNvPr id="38" name="Freeform 37">
              <a:extLst>
                <a:ext uri="{FF2B5EF4-FFF2-40B4-BE49-F238E27FC236}">
                  <a16:creationId xmlns:a16="http://schemas.microsoft.com/office/drawing/2014/main" id="{224F31C8-0E4B-8B43-A345-BBA7F555E578}"/>
                </a:ext>
              </a:extLst>
            </p:cNvPr>
            <p:cNvSpPr/>
            <p:nvPr/>
          </p:nvSpPr>
          <p:spPr>
            <a:xfrm>
              <a:off x="1043709" y="4086499"/>
              <a:ext cx="84823" cy="474603"/>
            </a:xfrm>
            <a:custGeom>
              <a:avLst/>
              <a:gdLst>
                <a:gd name="connsiteX0" fmla="*/ 35912 w 84823"/>
                <a:gd name="connsiteY0" fmla="*/ 454287 h 474603"/>
                <a:gd name="connsiteX1" fmla="*/ 0 w 84823"/>
                <a:gd name="connsiteY1" fmla="*/ 474603 h 474603"/>
                <a:gd name="connsiteX2" fmla="*/ 0 w 84823"/>
                <a:gd name="connsiteY2" fmla="*/ 241468 h 474603"/>
                <a:gd name="connsiteX3" fmla="*/ 58994 w 84823"/>
                <a:gd name="connsiteY3" fmla="*/ 276938 h 474603"/>
                <a:gd name="connsiteX4" fmla="*/ 84803 w 84823"/>
                <a:gd name="connsiteY4" fmla="*/ 351860 h 474603"/>
                <a:gd name="connsiteX5" fmla="*/ 72046 w 84823"/>
                <a:gd name="connsiteY5" fmla="*/ 410558 h 474603"/>
                <a:gd name="connsiteX6" fmla="*/ 35912 w 84823"/>
                <a:gd name="connsiteY6" fmla="*/ 454287 h 474603"/>
                <a:gd name="connsiteX7" fmla="*/ 48670 w 84823"/>
                <a:gd name="connsiteY7" fmla="*/ 184834 h 474603"/>
                <a:gd name="connsiteX8" fmla="*/ 71530 w 84823"/>
                <a:gd name="connsiteY8" fmla="*/ 115738 h 474603"/>
                <a:gd name="connsiteX9" fmla="*/ 31967 w 84823"/>
                <a:gd name="connsiteY9" fmla="*/ 28501 h 474603"/>
                <a:gd name="connsiteX10" fmla="*/ 40558 w 84823"/>
                <a:gd name="connsiteY10" fmla="*/ 17440 h 474603"/>
                <a:gd name="connsiteX11" fmla="*/ 40890 w 84823"/>
                <a:gd name="connsiteY11" fmla="*/ 16850 h 474603"/>
                <a:gd name="connsiteX12" fmla="*/ 111 w 84823"/>
                <a:gd name="connsiteY12" fmla="*/ 0 h 474603"/>
                <a:gd name="connsiteX13" fmla="*/ 111 w 84823"/>
                <a:gd name="connsiteY13" fmla="*/ 0 h 474603"/>
                <a:gd name="connsiteX14" fmla="*/ 111 w 84823"/>
                <a:gd name="connsiteY14" fmla="*/ 217539 h 474603"/>
                <a:gd name="connsiteX15" fmla="*/ 48670 w 84823"/>
                <a:gd name="connsiteY15" fmla="*/ 184834 h 4746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84823" h="474603">
                  <a:moveTo>
                    <a:pt x="35912" y="454287"/>
                  </a:moveTo>
                  <a:cubicBezTo>
                    <a:pt x="24903" y="462631"/>
                    <a:pt x="12824" y="469463"/>
                    <a:pt x="0" y="474603"/>
                  </a:cubicBezTo>
                  <a:lnTo>
                    <a:pt x="0" y="241468"/>
                  </a:lnTo>
                  <a:cubicBezTo>
                    <a:pt x="25330" y="248510"/>
                    <a:pt x="45093" y="260420"/>
                    <a:pt x="58994" y="276938"/>
                  </a:cubicBezTo>
                  <a:cubicBezTo>
                    <a:pt x="76139" y="297364"/>
                    <a:pt x="84803" y="322547"/>
                    <a:pt x="84803" y="351860"/>
                  </a:cubicBezTo>
                  <a:cubicBezTo>
                    <a:pt x="85165" y="372150"/>
                    <a:pt x="80799" y="392248"/>
                    <a:pt x="72046" y="410558"/>
                  </a:cubicBezTo>
                  <a:cubicBezTo>
                    <a:pt x="63510" y="427711"/>
                    <a:pt x="51147" y="442669"/>
                    <a:pt x="35912" y="454287"/>
                  </a:cubicBezTo>
                  <a:close/>
                  <a:moveTo>
                    <a:pt x="48670" y="184834"/>
                  </a:moveTo>
                  <a:cubicBezTo>
                    <a:pt x="64093" y="165160"/>
                    <a:pt x="72179" y="140728"/>
                    <a:pt x="71530" y="115738"/>
                  </a:cubicBezTo>
                  <a:cubicBezTo>
                    <a:pt x="71530" y="77540"/>
                    <a:pt x="58588" y="49002"/>
                    <a:pt x="31967" y="28501"/>
                  </a:cubicBezTo>
                  <a:lnTo>
                    <a:pt x="40558" y="17440"/>
                  </a:lnTo>
                  <a:lnTo>
                    <a:pt x="40890" y="16850"/>
                  </a:lnTo>
                  <a:cubicBezTo>
                    <a:pt x="27959" y="9746"/>
                    <a:pt x="14284" y="4095"/>
                    <a:pt x="111" y="0"/>
                  </a:cubicBezTo>
                  <a:lnTo>
                    <a:pt x="111" y="0"/>
                  </a:lnTo>
                  <a:lnTo>
                    <a:pt x="111" y="217539"/>
                  </a:lnTo>
                  <a:cubicBezTo>
                    <a:pt x="19084" y="211488"/>
                    <a:pt x="35931" y="200143"/>
                    <a:pt x="48670" y="184834"/>
                  </a:cubicBezTo>
                  <a:close/>
                </a:path>
              </a:pathLst>
            </a:custGeom>
            <a:solidFill>
              <a:srgbClr val="F0AB00"/>
            </a:solidFill>
            <a:ln w="3687" cap="flat">
              <a:noFill/>
              <a:prstDash val="solid"/>
              <a:miter/>
            </a:ln>
          </p:spPr>
          <p:txBody>
            <a:bodyPr rtlCol="0" anchor="ctr"/>
            <a:lstStyle/>
            <a:p>
              <a:endParaRPr lang="en-US"/>
            </a:p>
          </p:txBody>
        </p:sp>
        <p:sp>
          <p:nvSpPr>
            <p:cNvPr id="39" name="Freeform 38">
              <a:extLst>
                <a:ext uri="{FF2B5EF4-FFF2-40B4-BE49-F238E27FC236}">
                  <a16:creationId xmlns:a16="http://schemas.microsoft.com/office/drawing/2014/main" id="{2228D06A-2010-FC48-B721-2812C6B80D71}"/>
                </a:ext>
              </a:extLst>
            </p:cNvPr>
            <p:cNvSpPr/>
            <p:nvPr/>
          </p:nvSpPr>
          <p:spPr>
            <a:xfrm>
              <a:off x="946149" y="4074634"/>
              <a:ext cx="97708" cy="503777"/>
            </a:xfrm>
            <a:custGeom>
              <a:avLst/>
              <a:gdLst>
                <a:gd name="connsiteX0" fmla="*/ 97561 w 97708"/>
                <a:gd name="connsiteY0" fmla="*/ 253333 h 503777"/>
                <a:gd name="connsiteX1" fmla="*/ 79125 w 97708"/>
                <a:gd name="connsiteY1" fmla="*/ 249167 h 503777"/>
                <a:gd name="connsiteX2" fmla="*/ 41332 w 97708"/>
                <a:gd name="connsiteY2" fmla="*/ 242678 h 503777"/>
                <a:gd name="connsiteX3" fmla="*/ 78830 w 97708"/>
                <a:gd name="connsiteY3" fmla="*/ 234677 h 503777"/>
                <a:gd name="connsiteX4" fmla="*/ 97708 w 97708"/>
                <a:gd name="connsiteY4" fmla="*/ 229404 h 503777"/>
                <a:gd name="connsiteX5" fmla="*/ 97708 w 97708"/>
                <a:gd name="connsiteY5" fmla="*/ 19793 h 503777"/>
                <a:gd name="connsiteX6" fmla="*/ 97708 w 97708"/>
                <a:gd name="connsiteY6" fmla="*/ 19793 h 503777"/>
                <a:gd name="connsiteX7" fmla="*/ 97708 w 97708"/>
                <a:gd name="connsiteY7" fmla="*/ 11718 h 503777"/>
                <a:gd name="connsiteX8" fmla="*/ 0 w 97708"/>
                <a:gd name="connsiteY8" fmla="*/ 214 h 503777"/>
                <a:gd name="connsiteX9" fmla="*/ 0 w 97708"/>
                <a:gd name="connsiteY9" fmla="*/ 82215 h 503777"/>
                <a:gd name="connsiteX10" fmla="*/ 59289 w 97708"/>
                <a:gd name="connsiteY10" fmla="*/ 99286 h 503777"/>
                <a:gd name="connsiteX11" fmla="*/ 77097 w 97708"/>
                <a:gd name="connsiteY11" fmla="*/ 144453 h 503777"/>
                <a:gd name="connsiteX12" fmla="*/ 73189 w 97708"/>
                <a:gd name="connsiteY12" fmla="*/ 170263 h 503777"/>
                <a:gd name="connsiteX13" fmla="*/ 55196 w 97708"/>
                <a:gd name="connsiteY13" fmla="*/ 193824 h 503777"/>
                <a:gd name="connsiteX14" fmla="*/ 20537 w 97708"/>
                <a:gd name="connsiteY14" fmla="*/ 208572 h 503777"/>
                <a:gd name="connsiteX15" fmla="*/ 0 w 97708"/>
                <a:gd name="connsiteY15" fmla="*/ 212259 h 503777"/>
                <a:gd name="connsiteX16" fmla="*/ 0 w 97708"/>
                <a:gd name="connsiteY16" fmla="*/ 279106 h 503777"/>
                <a:gd name="connsiteX17" fmla="*/ 53721 w 97708"/>
                <a:gd name="connsiteY17" fmla="*/ 293855 h 503777"/>
                <a:gd name="connsiteX18" fmla="*/ 87126 w 97708"/>
                <a:gd name="connsiteY18" fmla="*/ 357383 h 503777"/>
                <a:gd name="connsiteX19" fmla="*/ 63234 w 97708"/>
                <a:gd name="connsiteY19" fmla="*/ 413722 h 503777"/>
                <a:gd name="connsiteX20" fmla="*/ 0 w 97708"/>
                <a:gd name="connsiteY20" fmla="*/ 432821 h 503777"/>
                <a:gd name="connsiteX21" fmla="*/ 0 w 97708"/>
                <a:gd name="connsiteY21" fmla="*/ 503761 h 503777"/>
                <a:gd name="connsiteX22" fmla="*/ 0 w 97708"/>
                <a:gd name="connsiteY22" fmla="*/ 503761 h 503777"/>
                <a:gd name="connsiteX23" fmla="*/ 76323 w 97708"/>
                <a:gd name="connsiteY23" fmla="*/ 493990 h 503777"/>
                <a:gd name="connsiteX24" fmla="*/ 97708 w 97708"/>
                <a:gd name="connsiteY24" fmla="*/ 486616 h 503777"/>
                <a:gd name="connsiteX25" fmla="*/ 97708 w 97708"/>
                <a:gd name="connsiteY25" fmla="*/ 253333 h 5037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97708" h="503777">
                  <a:moveTo>
                    <a:pt x="97561" y="253333"/>
                  </a:moveTo>
                  <a:cubicBezTo>
                    <a:pt x="91492" y="251623"/>
                    <a:pt x="85338" y="250233"/>
                    <a:pt x="79125" y="249167"/>
                  </a:cubicBezTo>
                  <a:lnTo>
                    <a:pt x="41332" y="242678"/>
                  </a:lnTo>
                  <a:lnTo>
                    <a:pt x="78830" y="234677"/>
                  </a:lnTo>
                  <a:cubicBezTo>
                    <a:pt x="85227" y="233323"/>
                    <a:pt x="91536" y="231565"/>
                    <a:pt x="97708" y="229404"/>
                  </a:cubicBezTo>
                  <a:lnTo>
                    <a:pt x="97708" y="19793"/>
                  </a:lnTo>
                  <a:lnTo>
                    <a:pt x="97708" y="19793"/>
                  </a:lnTo>
                  <a:lnTo>
                    <a:pt x="97708" y="11718"/>
                  </a:lnTo>
                  <a:cubicBezTo>
                    <a:pt x="65922" y="2890"/>
                    <a:pt x="32966" y="-990"/>
                    <a:pt x="0" y="214"/>
                  </a:cubicBezTo>
                  <a:lnTo>
                    <a:pt x="0" y="82215"/>
                  </a:lnTo>
                  <a:cubicBezTo>
                    <a:pt x="28133" y="82215"/>
                    <a:pt x="47527" y="87967"/>
                    <a:pt x="59289" y="99286"/>
                  </a:cubicBezTo>
                  <a:cubicBezTo>
                    <a:pt x="71290" y="111183"/>
                    <a:pt x="77750" y="127568"/>
                    <a:pt x="77097" y="144453"/>
                  </a:cubicBezTo>
                  <a:cubicBezTo>
                    <a:pt x="77108" y="153205"/>
                    <a:pt x="75788" y="161907"/>
                    <a:pt x="73189" y="170263"/>
                  </a:cubicBezTo>
                  <a:cubicBezTo>
                    <a:pt x="69966" y="179894"/>
                    <a:pt x="63639" y="188179"/>
                    <a:pt x="55196" y="193824"/>
                  </a:cubicBezTo>
                  <a:cubicBezTo>
                    <a:pt x="44610" y="200763"/>
                    <a:pt x="32874" y="205755"/>
                    <a:pt x="20537" y="208572"/>
                  </a:cubicBezTo>
                  <a:cubicBezTo>
                    <a:pt x="13782" y="210264"/>
                    <a:pt x="6921" y="211496"/>
                    <a:pt x="0" y="212259"/>
                  </a:cubicBezTo>
                  <a:lnTo>
                    <a:pt x="0" y="279106"/>
                  </a:lnTo>
                  <a:cubicBezTo>
                    <a:pt x="22123" y="281577"/>
                    <a:pt x="39894" y="286480"/>
                    <a:pt x="53721" y="293855"/>
                  </a:cubicBezTo>
                  <a:cubicBezTo>
                    <a:pt x="75844" y="305690"/>
                    <a:pt x="87126" y="327038"/>
                    <a:pt x="87126" y="357383"/>
                  </a:cubicBezTo>
                  <a:cubicBezTo>
                    <a:pt x="87126" y="381644"/>
                    <a:pt x="79088" y="400633"/>
                    <a:pt x="63234" y="413722"/>
                  </a:cubicBezTo>
                  <a:cubicBezTo>
                    <a:pt x="48485" y="425816"/>
                    <a:pt x="27284" y="432158"/>
                    <a:pt x="0" y="432821"/>
                  </a:cubicBezTo>
                  <a:lnTo>
                    <a:pt x="0" y="503761"/>
                  </a:lnTo>
                  <a:lnTo>
                    <a:pt x="0" y="503761"/>
                  </a:lnTo>
                  <a:cubicBezTo>
                    <a:pt x="25769" y="504045"/>
                    <a:pt x="51453" y="500756"/>
                    <a:pt x="76323" y="493990"/>
                  </a:cubicBezTo>
                  <a:cubicBezTo>
                    <a:pt x="83586" y="491944"/>
                    <a:pt x="90728" y="489481"/>
                    <a:pt x="97708" y="486616"/>
                  </a:cubicBezTo>
                  <a:lnTo>
                    <a:pt x="97708" y="253333"/>
                  </a:lnTo>
                  <a:close/>
                </a:path>
              </a:pathLst>
            </a:custGeom>
            <a:solidFill>
              <a:srgbClr val="F0AB00">
                <a:alpha val="70000"/>
              </a:srgbClr>
            </a:solidFill>
            <a:ln w="3687" cap="flat">
              <a:noFill/>
              <a:prstDash val="solid"/>
              <a:miter/>
            </a:ln>
          </p:spPr>
          <p:txBody>
            <a:bodyPr rtlCol="0" anchor="ctr"/>
            <a:lstStyle/>
            <a:p>
              <a:endParaRPr lang="en-US"/>
            </a:p>
          </p:txBody>
        </p:sp>
        <p:sp>
          <p:nvSpPr>
            <p:cNvPr id="40" name="Freeform 39">
              <a:extLst>
                <a:ext uri="{FF2B5EF4-FFF2-40B4-BE49-F238E27FC236}">
                  <a16:creationId xmlns:a16="http://schemas.microsoft.com/office/drawing/2014/main" id="{DDCD3FDF-5E76-654D-BD50-2AE1CE0187BC}"/>
                </a:ext>
              </a:extLst>
            </p:cNvPr>
            <p:cNvSpPr/>
            <p:nvPr/>
          </p:nvSpPr>
          <p:spPr>
            <a:xfrm>
              <a:off x="848219" y="4074885"/>
              <a:ext cx="97929" cy="503400"/>
            </a:xfrm>
            <a:custGeom>
              <a:avLst/>
              <a:gdLst>
                <a:gd name="connsiteX0" fmla="*/ 97929 w 97929"/>
                <a:gd name="connsiteY0" fmla="*/ 211897 h 503400"/>
                <a:gd name="connsiteX1" fmla="*/ 97929 w 97929"/>
                <a:gd name="connsiteY1" fmla="*/ 278745 h 503400"/>
                <a:gd name="connsiteX2" fmla="*/ 60358 w 97929"/>
                <a:gd name="connsiteY2" fmla="*/ 276827 h 503400"/>
                <a:gd name="connsiteX3" fmla="*/ 35728 w 97929"/>
                <a:gd name="connsiteY3" fmla="*/ 276827 h 503400"/>
                <a:gd name="connsiteX4" fmla="*/ 35728 w 97929"/>
                <a:gd name="connsiteY4" fmla="*/ 213815 h 503400"/>
                <a:gd name="connsiteX5" fmla="*/ 62312 w 97929"/>
                <a:gd name="connsiteY5" fmla="*/ 213815 h 503400"/>
                <a:gd name="connsiteX6" fmla="*/ 97929 w 97929"/>
                <a:gd name="connsiteY6" fmla="*/ 211897 h 503400"/>
                <a:gd name="connsiteX7" fmla="*/ 97929 w 97929"/>
                <a:gd name="connsiteY7" fmla="*/ 432423 h 503400"/>
                <a:gd name="connsiteX8" fmla="*/ 93431 w 97929"/>
                <a:gd name="connsiteY8" fmla="*/ 432423 h 503400"/>
                <a:gd name="connsiteX9" fmla="*/ 93431 w 97929"/>
                <a:gd name="connsiteY9" fmla="*/ 417674 h 503400"/>
                <a:gd name="connsiteX10" fmla="*/ 10840 w 97929"/>
                <a:gd name="connsiteY10" fmla="*/ 391680 h 503400"/>
                <a:gd name="connsiteX11" fmla="*/ 8148 w 97929"/>
                <a:gd name="connsiteY11" fmla="*/ 389800 h 503400"/>
                <a:gd name="connsiteX12" fmla="*/ 6711 w 97929"/>
                <a:gd name="connsiteY12" fmla="*/ 388731 h 503400"/>
                <a:gd name="connsiteX13" fmla="*/ 0 w 97929"/>
                <a:gd name="connsiteY13" fmla="*/ 383532 h 503400"/>
                <a:gd name="connsiteX14" fmla="*/ 0 w 97929"/>
                <a:gd name="connsiteY14" fmla="*/ 486439 h 503400"/>
                <a:gd name="connsiteX15" fmla="*/ 97929 w 97929"/>
                <a:gd name="connsiteY15" fmla="*/ 503362 h 503400"/>
                <a:gd name="connsiteX16" fmla="*/ 10656 w 97929"/>
                <a:gd name="connsiteY16" fmla="*/ 25773 h 503400"/>
                <a:gd name="connsiteX17" fmla="*/ 5752 w 97929"/>
                <a:gd name="connsiteY17" fmla="*/ 11909 h 503400"/>
                <a:gd name="connsiteX18" fmla="*/ 85209 w 97929"/>
                <a:gd name="connsiteY18" fmla="*/ 442 h 503400"/>
                <a:gd name="connsiteX19" fmla="*/ 96565 w 97929"/>
                <a:gd name="connsiteY19" fmla="*/ 0 h 503400"/>
                <a:gd name="connsiteX20" fmla="*/ 97929 w 97929"/>
                <a:gd name="connsiteY20" fmla="*/ 0 h 503400"/>
                <a:gd name="connsiteX21" fmla="*/ 97929 w 97929"/>
                <a:gd name="connsiteY21" fmla="*/ 81964 h 503400"/>
                <a:gd name="connsiteX22" fmla="*/ 96676 w 97929"/>
                <a:gd name="connsiteY22" fmla="*/ 81964 h 503400"/>
                <a:gd name="connsiteX23" fmla="*/ 38678 w 97929"/>
                <a:gd name="connsiteY23" fmla="*/ 93025 h 503400"/>
                <a:gd name="connsiteX24" fmla="*/ 184 w 97929"/>
                <a:gd name="connsiteY24" fmla="*/ 114632 h 503400"/>
                <a:gd name="connsiteX25" fmla="*/ 184 w 97929"/>
                <a:gd name="connsiteY25" fmla="*/ 29792 h 503400"/>
                <a:gd name="connsiteX26" fmla="*/ 10656 w 97929"/>
                <a:gd name="connsiteY26" fmla="*/ 25773 h 503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97929" h="503400">
                  <a:moveTo>
                    <a:pt x="97929" y="211897"/>
                  </a:moveTo>
                  <a:lnTo>
                    <a:pt x="97929" y="278745"/>
                  </a:lnTo>
                  <a:cubicBezTo>
                    <a:pt x="85448" y="277417"/>
                    <a:pt x="72909" y="276779"/>
                    <a:pt x="60358" y="276827"/>
                  </a:cubicBezTo>
                  <a:lnTo>
                    <a:pt x="35728" y="276827"/>
                  </a:lnTo>
                  <a:lnTo>
                    <a:pt x="35728" y="213815"/>
                  </a:lnTo>
                  <a:lnTo>
                    <a:pt x="62312" y="213815"/>
                  </a:lnTo>
                  <a:cubicBezTo>
                    <a:pt x="74210" y="213881"/>
                    <a:pt x="86105" y="213240"/>
                    <a:pt x="97929" y="211897"/>
                  </a:cubicBezTo>
                  <a:close/>
                  <a:moveTo>
                    <a:pt x="97929" y="432423"/>
                  </a:moveTo>
                  <a:cubicBezTo>
                    <a:pt x="96418" y="432423"/>
                    <a:pt x="94980" y="432423"/>
                    <a:pt x="93431" y="432423"/>
                  </a:cubicBezTo>
                  <a:lnTo>
                    <a:pt x="93431" y="417674"/>
                  </a:lnTo>
                  <a:cubicBezTo>
                    <a:pt x="63945" y="417298"/>
                    <a:pt x="35223" y="408261"/>
                    <a:pt x="10840" y="391680"/>
                  </a:cubicBezTo>
                  <a:lnTo>
                    <a:pt x="8148" y="389800"/>
                  </a:lnTo>
                  <a:lnTo>
                    <a:pt x="6711" y="388731"/>
                  </a:lnTo>
                  <a:cubicBezTo>
                    <a:pt x="4277" y="386961"/>
                    <a:pt x="2065" y="385228"/>
                    <a:pt x="0" y="383532"/>
                  </a:cubicBezTo>
                  <a:lnTo>
                    <a:pt x="0" y="486439"/>
                  </a:lnTo>
                  <a:cubicBezTo>
                    <a:pt x="31289" y="498186"/>
                    <a:pt x="64513" y="503930"/>
                    <a:pt x="97929" y="503362"/>
                  </a:cubicBezTo>
                  <a:close/>
                  <a:moveTo>
                    <a:pt x="10656" y="25773"/>
                  </a:moveTo>
                  <a:lnTo>
                    <a:pt x="5752" y="11909"/>
                  </a:lnTo>
                  <a:cubicBezTo>
                    <a:pt x="31842" y="5714"/>
                    <a:pt x="58433" y="1876"/>
                    <a:pt x="85209" y="442"/>
                  </a:cubicBezTo>
                  <a:cubicBezTo>
                    <a:pt x="88896" y="442"/>
                    <a:pt x="92583" y="111"/>
                    <a:pt x="96565" y="0"/>
                  </a:cubicBezTo>
                  <a:lnTo>
                    <a:pt x="97929" y="0"/>
                  </a:lnTo>
                  <a:lnTo>
                    <a:pt x="97929" y="81964"/>
                  </a:lnTo>
                  <a:lnTo>
                    <a:pt x="96676" y="81964"/>
                  </a:lnTo>
                  <a:cubicBezTo>
                    <a:pt x="76839" y="82182"/>
                    <a:pt x="57202" y="85928"/>
                    <a:pt x="38678" y="93025"/>
                  </a:cubicBezTo>
                  <a:cubicBezTo>
                    <a:pt x="24873" y="98338"/>
                    <a:pt x="11909" y="105615"/>
                    <a:pt x="184" y="114632"/>
                  </a:cubicBezTo>
                  <a:lnTo>
                    <a:pt x="184" y="29792"/>
                  </a:lnTo>
                  <a:cubicBezTo>
                    <a:pt x="3503" y="28391"/>
                    <a:pt x="7042" y="27026"/>
                    <a:pt x="10656" y="25773"/>
                  </a:cubicBezTo>
                  <a:close/>
                </a:path>
              </a:pathLst>
            </a:custGeom>
            <a:solidFill>
              <a:srgbClr val="F0AB00">
                <a:alpha val="40000"/>
              </a:srgbClr>
            </a:solidFill>
            <a:ln w="3687" cap="flat">
              <a:noFill/>
              <a:prstDash val="solid"/>
              <a:miter/>
            </a:ln>
          </p:spPr>
          <p:txBody>
            <a:bodyPr rtlCol="0" anchor="ctr"/>
            <a:lstStyle/>
            <a:p>
              <a:endParaRPr lang="en-US"/>
            </a:p>
          </p:txBody>
        </p:sp>
        <p:sp>
          <p:nvSpPr>
            <p:cNvPr id="41" name="Freeform 40">
              <a:extLst>
                <a:ext uri="{FF2B5EF4-FFF2-40B4-BE49-F238E27FC236}">
                  <a16:creationId xmlns:a16="http://schemas.microsoft.com/office/drawing/2014/main" id="{98DDC5E4-6487-6744-A8B6-CC02598D91D1}"/>
                </a:ext>
              </a:extLst>
            </p:cNvPr>
            <p:cNvSpPr/>
            <p:nvPr/>
          </p:nvSpPr>
          <p:spPr>
            <a:xfrm>
              <a:off x="744907" y="4086794"/>
              <a:ext cx="398334" cy="506217"/>
            </a:xfrm>
            <a:custGeom>
              <a:avLst/>
              <a:gdLst>
                <a:gd name="connsiteX0" fmla="*/ 221595 w 398334"/>
                <a:gd name="connsiteY0" fmla="*/ 196264 h 506217"/>
                <a:gd name="connsiteX1" fmla="*/ 201057 w 398334"/>
                <a:gd name="connsiteY1" fmla="*/ 199951 h 506217"/>
                <a:gd name="connsiteX2" fmla="*/ 165440 w 398334"/>
                <a:gd name="connsiteY2" fmla="*/ 201869 h 506217"/>
                <a:gd name="connsiteX3" fmla="*/ 138856 w 398334"/>
                <a:gd name="connsiteY3" fmla="*/ 201869 h 506217"/>
                <a:gd name="connsiteX4" fmla="*/ 138856 w 398334"/>
                <a:gd name="connsiteY4" fmla="*/ 187120 h 506217"/>
                <a:gd name="connsiteX5" fmla="*/ 165440 w 398334"/>
                <a:gd name="connsiteY5" fmla="*/ 187120 h 506217"/>
                <a:gd name="connsiteX6" fmla="*/ 217871 w 398334"/>
                <a:gd name="connsiteY6" fmla="*/ 181958 h 506217"/>
                <a:gd name="connsiteX7" fmla="*/ 247699 w 398334"/>
                <a:gd name="connsiteY7" fmla="*/ 169606 h 506217"/>
                <a:gd name="connsiteX8" fmla="*/ 260235 w 398334"/>
                <a:gd name="connsiteY8" fmla="*/ 153457 h 506217"/>
                <a:gd name="connsiteX9" fmla="*/ 263480 w 398334"/>
                <a:gd name="connsiteY9" fmla="*/ 132109 h 506217"/>
                <a:gd name="connsiteX10" fmla="*/ 250170 w 398334"/>
                <a:gd name="connsiteY10" fmla="*/ 97561 h 506217"/>
                <a:gd name="connsiteX11" fmla="*/ 199878 w 398334"/>
                <a:gd name="connsiteY11" fmla="*/ 84582 h 506217"/>
                <a:gd name="connsiteX12" fmla="*/ 147005 w 398334"/>
                <a:gd name="connsiteY12" fmla="*/ 94574 h 506217"/>
                <a:gd name="connsiteX13" fmla="*/ 94132 w 398334"/>
                <a:gd name="connsiteY13" fmla="*/ 129601 h 506217"/>
                <a:gd name="connsiteX14" fmla="*/ 88564 w 398334"/>
                <a:gd name="connsiteY14" fmla="*/ 134985 h 506217"/>
                <a:gd name="connsiteX15" fmla="*/ 19837 w 398334"/>
                <a:gd name="connsiteY15" fmla="*/ 55712 h 506217"/>
                <a:gd name="connsiteX16" fmla="*/ 24851 w 398334"/>
                <a:gd name="connsiteY16" fmla="*/ 50882 h 506217"/>
                <a:gd name="connsiteX17" fmla="*/ 108548 w 398334"/>
                <a:gd name="connsiteY17" fmla="*/ 0 h 506217"/>
                <a:gd name="connsiteX18" fmla="*/ 108548 w 398334"/>
                <a:gd name="connsiteY18" fmla="*/ 0 h 506217"/>
                <a:gd name="connsiteX19" fmla="*/ 108917 w 398334"/>
                <a:gd name="connsiteY19" fmla="*/ 0 h 506217"/>
                <a:gd name="connsiteX20" fmla="*/ 108917 w 398334"/>
                <a:gd name="connsiteY20" fmla="*/ 0 h 506217"/>
                <a:gd name="connsiteX21" fmla="*/ 113858 w 398334"/>
                <a:gd name="connsiteY21" fmla="*/ 13863 h 506217"/>
                <a:gd name="connsiteX22" fmla="*/ 103202 w 398334"/>
                <a:gd name="connsiteY22" fmla="*/ 17882 h 506217"/>
                <a:gd name="connsiteX23" fmla="*/ 40189 w 398334"/>
                <a:gd name="connsiteY23" fmla="*/ 56708 h 506217"/>
                <a:gd name="connsiteX24" fmla="*/ 89560 w 398334"/>
                <a:gd name="connsiteY24" fmla="*/ 113673 h 506217"/>
                <a:gd name="connsiteX25" fmla="*/ 103312 w 398334"/>
                <a:gd name="connsiteY25" fmla="*/ 102354 h 506217"/>
                <a:gd name="connsiteX26" fmla="*/ 141806 w 398334"/>
                <a:gd name="connsiteY26" fmla="*/ 80747 h 506217"/>
                <a:gd name="connsiteX27" fmla="*/ 199804 w 398334"/>
                <a:gd name="connsiteY27" fmla="*/ 69686 h 506217"/>
                <a:gd name="connsiteX28" fmla="*/ 201242 w 398334"/>
                <a:gd name="connsiteY28" fmla="*/ 69686 h 506217"/>
                <a:gd name="connsiteX29" fmla="*/ 260530 w 398334"/>
                <a:gd name="connsiteY29" fmla="*/ 86757 h 506217"/>
                <a:gd name="connsiteX30" fmla="*/ 278339 w 398334"/>
                <a:gd name="connsiteY30" fmla="*/ 131924 h 506217"/>
                <a:gd name="connsiteX31" fmla="*/ 274431 w 398334"/>
                <a:gd name="connsiteY31" fmla="*/ 157734 h 506217"/>
                <a:gd name="connsiteX32" fmla="*/ 256438 w 398334"/>
                <a:gd name="connsiteY32" fmla="*/ 181295 h 506217"/>
                <a:gd name="connsiteX33" fmla="*/ 221595 w 398334"/>
                <a:gd name="connsiteY33" fmla="*/ 196264 h 506217"/>
                <a:gd name="connsiteX34" fmla="*/ 369078 w 398334"/>
                <a:gd name="connsiteY34" fmla="*/ 267167 h 506217"/>
                <a:gd name="connsiteX35" fmla="*/ 309679 w 398334"/>
                <a:gd name="connsiteY35" fmla="*/ 229006 h 506217"/>
                <a:gd name="connsiteX36" fmla="*/ 358976 w 398334"/>
                <a:gd name="connsiteY36" fmla="*/ 193757 h 506217"/>
                <a:gd name="connsiteX37" fmla="*/ 385080 w 398334"/>
                <a:gd name="connsiteY37" fmla="*/ 115443 h 506217"/>
                <a:gd name="connsiteX38" fmla="*/ 339766 w 398334"/>
                <a:gd name="connsiteY38" fmla="*/ 16518 h 506217"/>
                <a:gd name="connsiteX39" fmla="*/ 339360 w 398334"/>
                <a:gd name="connsiteY39" fmla="*/ 17034 h 506217"/>
                <a:gd name="connsiteX40" fmla="*/ 339360 w 398334"/>
                <a:gd name="connsiteY40" fmla="*/ 17034 h 506217"/>
                <a:gd name="connsiteX41" fmla="*/ 330769 w 398334"/>
                <a:gd name="connsiteY41" fmla="*/ 28096 h 506217"/>
                <a:gd name="connsiteX42" fmla="*/ 370332 w 398334"/>
                <a:gd name="connsiteY42" fmla="*/ 115332 h 506217"/>
                <a:gd name="connsiteX43" fmla="*/ 347472 w 398334"/>
                <a:gd name="connsiteY43" fmla="*/ 184429 h 506217"/>
                <a:gd name="connsiteX44" fmla="*/ 298802 w 398334"/>
                <a:gd name="connsiteY44" fmla="*/ 217133 h 506217"/>
                <a:gd name="connsiteX45" fmla="*/ 298802 w 398334"/>
                <a:gd name="connsiteY45" fmla="*/ 217133 h 506217"/>
                <a:gd name="connsiteX46" fmla="*/ 279924 w 398334"/>
                <a:gd name="connsiteY46" fmla="*/ 222406 h 506217"/>
                <a:gd name="connsiteX47" fmla="*/ 242427 w 398334"/>
                <a:gd name="connsiteY47" fmla="*/ 230407 h 506217"/>
                <a:gd name="connsiteX48" fmla="*/ 280219 w 398334"/>
                <a:gd name="connsiteY48" fmla="*/ 236896 h 506217"/>
                <a:gd name="connsiteX49" fmla="*/ 298655 w 398334"/>
                <a:gd name="connsiteY49" fmla="*/ 241062 h 506217"/>
                <a:gd name="connsiteX50" fmla="*/ 298655 w 398334"/>
                <a:gd name="connsiteY50" fmla="*/ 241062 h 506217"/>
                <a:gd name="connsiteX51" fmla="*/ 357648 w 398334"/>
                <a:gd name="connsiteY51" fmla="*/ 276532 h 506217"/>
                <a:gd name="connsiteX52" fmla="*/ 383458 w 398334"/>
                <a:gd name="connsiteY52" fmla="*/ 351454 h 506217"/>
                <a:gd name="connsiteX53" fmla="*/ 370848 w 398334"/>
                <a:gd name="connsiteY53" fmla="*/ 410263 h 506217"/>
                <a:gd name="connsiteX54" fmla="*/ 334788 w 398334"/>
                <a:gd name="connsiteY54" fmla="*/ 453992 h 506217"/>
                <a:gd name="connsiteX55" fmla="*/ 298876 w 398334"/>
                <a:gd name="connsiteY55" fmla="*/ 474308 h 506217"/>
                <a:gd name="connsiteX56" fmla="*/ 298876 w 398334"/>
                <a:gd name="connsiteY56" fmla="*/ 474308 h 506217"/>
                <a:gd name="connsiteX57" fmla="*/ 277491 w 398334"/>
                <a:gd name="connsiteY57" fmla="*/ 481682 h 506217"/>
                <a:gd name="connsiteX58" fmla="*/ 201168 w 398334"/>
                <a:gd name="connsiteY58" fmla="*/ 491453 h 506217"/>
                <a:gd name="connsiteX59" fmla="*/ 201168 w 398334"/>
                <a:gd name="connsiteY59" fmla="*/ 491453 h 506217"/>
                <a:gd name="connsiteX60" fmla="*/ 103423 w 398334"/>
                <a:gd name="connsiteY60" fmla="*/ 474640 h 506217"/>
                <a:gd name="connsiteX61" fmla="*/ 94537 w 398334"/>
                <a:gd name="connsiteY61" fmla="*/ 470953 h 506217"/>
                <a:gd name="connsiteX62" fmla="*/ 20574 w 398334"/>
                <a:gd name="connsiteY62" fmla="*/ 415646 h 506217"/>
                <a:gd name="connsiteX63" fmla="*/ 81264 w 398334"/>
                <a:gd name="connsiteY63" fmla="*/ 360967 h 506217"/>
                <a:gd name="connsiteX64" fmla="*/ 86942 w 398334"/>
                <a:gd name="connsiteY64" fmla="*/ 355842 h 506217"/>
                <a:gd name="connsiteX65" fmla="*/ 86610 w 398334"/>
                <a:gd name="connsiteY65" fmla="*/ 355473 h 506217"/>
                <a:gd name="connsiteX66" fmla="*/ 77060 w 398334"/>
                <a:gd name="connsiteY66" fmla="*/ 344891 h 506217"/>
                <a:gd name="connsiteX67" fmla="*/ 0 w 398334"/>
                <a:gd name="connsiteY67" fmla="*/ 414135 h 506217"/>
                <a:gd name="connsiteX68" fmla="*/ 4498 w 398334"/>
                <a:gd name="connsiteY68" fmla="*/ 419592 h 506217"/>
                <a:gd name="connsiteX69" fmla="*/ 88343 w 398334"/>
                <a:gd name="connsiteY69" fmla="*/ 484411 h 506217"/>
                <a:gd name="connsiteX70" fmla="*/ 201057 w 398334"/>
                <a:gd name="connsiteY70" fmla="*/ 506202 h 506217"/>
                <a:gd name="connsiteX71" fmla="*/ 281436 w 398334"/>
                <a:gd name="connsiteY71" fmla="*/ 495878 h 506217"/>
                <a:gd name="connsiteX72" fmla="*/ 343711 w 398334"/>
                <a:gd name="connsiteY72" fmla="*/ 465643 h 506217"/>
                <a:gd name="connsiteX73" fmla="*/ 383937 w 398334"/>
                <a:gd name="connsiteY73" fmla="*/ 416826 h 506217"/>
                <a:gd name="connsiteX74" fmla="*/ 398317 w 398334"/>
                <a:gd name="connsiteY74" fmla="*/ 351565 h 506217"/>
                <a:gd name="connsiteX75" fmla="*/ 369078 w 398334"/>
                <a:gd name="connsiteY75" fmla="*/ 267167 h 506217"/>
                <a:gd name="connsiteX76" fmla="*/ 288184 w 398334"/>
                <a:gd name="connsiteY76" fmla="*/ 345075 h 506217"/>
                <a:gd name="connsiteX77" fmla="*/ 254778 w 398334"/>
                <a:gd name="connsiteY77" fmla="*/ 281547 h 506217"/>
                <a:gd name="connsiteX78" fmla="*/ 201057 w 398334"/>
                <a:gd name="connsiteY78" fmla="*/ 266798 h 506217"/>
                <a:gd name="connsiteX79" fmla="*/ 163486 w 398334"/>
                <a:gd name="connsiteY79" fmla="*/ 264881 h 506217"/>
                <a:gd name="connsiteX80" fmla="*/ 138856 w 398334"/>
                <a:gd name="connsiteY80" fmla="*/ 264881 h 506217"/>
                <a:gd name="connsiteX81" fmla="*/ 138856 w 398334"/>
                <a:gd name="connsiteY81" fmla="*/ 279629 h 506217"/>
                <a:gd name="connsiteX82" fmla="*/ 163486 w 398334"/>
                <a:gd name="connsiteY82" fmla="*/ 279629 h 506217"/>
                <a:gd name="connsiteX83" fmla="*/ 247847 w 398334"/>
                <a:gd name="connsiteY83" fmla="*/ 294378 h 506217"/>
                <a:gd name="connsiteX84" fmla="*/ 273435 w 398334"/>
                <a:gd name="connsiteY84" fmla="*/ 344891 h 506217"/>
                <a:gd name="connsiteX85" fmla="*/ 255000 w 398334"/>
                <a:gd name="connsiteY85" fmla="*/ 389874 h 506217"/>
                <a:gd name="connsiteX86" fmla="*/ 196670 w 398334"/>
                <a:gd name="connsiteY86" fmla="*/ 405728 h 506217"/>
                <a:gd name="connsiteX87" fmla="*/ 196670 w 398334"/>
                <a:gd name="connsiteY87" fmla="*/ 420477 h 506217"/>
                <a:gd name="connsiteX88" fmla="*/ 201168 w 398334"/>
                <a:gd name="connsiteY88" fmla="*/ 420477 h 506217"/>
                <a:gd name="connsiteX89" fmla="*/ 264402 w 398334"/>
                <a:gd name="connsiteY89" fmla="*/ 401377 h 506217"/>
                <a:gd name="connsiteX90" fmla="*/ 288184 w 398334"/>
                <a:gd name="connsiteY90" fmla="*/ 345075 h 506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398334" h="506217">
                  <a:moveTo>
                    <a:pt x="221595" y="196264"/>
                  </a:moveTo>
                  <a:cubicBezTo>
                    <a:pt x="214840" y="197957"/>
                    <a:pt x="207978" y="199188"/>
                    <a:pt x="201057" y="199951"/>
                  </a:cubicBezTo>
                  <a:cubicBezTo>
                    <a:pt x="189233" y="201293"/>
                    <a:pt x="177338" y="201935"/>
                    <a:pt x="165440" y="201869"/>
                  </a:cubicBezTo>
                  <a:lnTo>
                    <a:pt x="138856" y="201869"/>
                  </a:lnTo>
                  <a:lnTo>
                    <a:pt x="138856" y="187120"/>
                  </a:lnTo>
                  <a:lnTo>
                    <a:pt x="165440" y="187120"/>
                  </a:lnTo>
                  <a:cubicBezTo>
                    <a:pt x="183064" y="187559"/>
                    <a:pt x="200670" y="185826"/>
                    <a:pt x="217871" y="181958"/>
                  </a:cubicBezTo>
                  <a:cubicBezTo>
                    <a:pt x="228460" y="179621"/>
                    <a:pt x="238559" y="175439"/>
                    <a:pt x="247699" y="169606"/>
                  </a:cubicBezTo>
                  <a:cubicBezTo>
                    <a:pt x="253573" y="165783"/>
                    <a:pt x="257990" y="160096"/>
                    <a:pt x="260235" y="153457"/>
                  </a:cubicBezTo>
                  <a:cubicBezTo>
                    <a:pt x="262385" y="146545"/>
                    <a:pt x="263480" y="139348"/>
                    <a:pt x="263480" y="132109"/>
                  </a:cubicBezTo>
                  <a:cubicBezTo>
                    <a:pt x="264136" y="119227"/>
                    <a:pt x="259299" y="106672"/>
                    <a:pt x="250170" y="97561"/>
                  </a:cubicBezTo>
                  <a:cubicBezTo>
                    <a:pt x="241247" y="88970"/>
                    <a:pt x="224360" y="84582"/>
                    <a:pt x="199878" y="84582"/>
                  </a:cubicBezTo>
                  <a:cubicBezTo>
                    <a:pt x="181803" y="84766"/>
                    <a:pt x="163903" y="88149"/>
                    <a:pt x="147005" y="94574"/>
                  </a:cubicBezTo>
                  <a:cubicBezTo>
                    <a:pt x="127175" y="102523"/>
                    <a:pt x="109183" y="114443"/>
                    <a:pt x="94132" y="129601"/>
                  </a:cubicBezTo>
                  <a:lnTo>
                    <a:pt x="88564" y="134985"/>
                  </a:lnTo>
                  <a:lnTo>
                    <a:pt x="19837" y="55712"/>
                  </a:lnTo>
                  <a:lnTo>
                    <a:pt x="24851" y="50882"/>
                  </a:lnTo>
                  <a:cubicBezTo>
                    <a:pt x="48746" y="28073"/>
                    <a:pt x="77300" y="10714"/>
                    <a:pt x="108548" y="0"/>
                  </a:cubicBezTo>
                  <a:lnTo>
                    <a:pt x="108548" y="0"/>
                  </a:lnTo>
                  <a:lnTo>
                    <a:pt x="108917" y="0"/>
                  </a:lnTo>
                  <a:lnTo>
                    <a:pt x="108917" y="0"/>
                  </a:lnTo>
                  <a:lnTo>
                    <a:pt x="113858" y="13863"/>
                  </a:lnTo>
                  <a:cubicBezTo>
                    <a:pt x="110170" y="15117"/>
                    <a:pt x="106705" y="16481"/>
                    <a:pt x="103202" y="17882"/>
                  </a:cubicBezTo>
                  <a:cubicBezTo>
                    <a:pt x="80089" y="27039"/>
                    <a:pt x="58761" y="40180"/>
                    <a:pt x="40189" y="56708"/>
                  </a:cubicBezTo>
                  <a:lnTo>
                    <a:pt x="89560" y="113673"/>
                  </a:lnTo>
                  <a:cubicBezTo>
                    <a:pt x="94095" y="109581"/>
                    <a:pt x="98704" y="105820"/>
                    <a:pt x="103312" y="102354"/>
                  </a:cubicBezTo>
                  <a:cubicBezTo>
                    <a:pt x="115037" y="93337"/>
                    <a:pt x="128001" y="86060"/>
                    <a:pt x="141806" y="80747"/>
                  </a:cubicBezTo>
                  <a:cubicBezTo>
                    <a:pt x="160330" y="73650"/>
                    <a:pt x="179967" y="69904"/>
                    <a:pt x="199804" y="69686"/>
                  </a:cubicBezTo>
                  <a:lnTo>
                    <a:pt x="201242" y="69686"/>
                  </a:lnTo>
                  <a:cubicBezTo>
                    <a:pt x="229374" y="69686"/>
                    <a:pt x="248768" y="75438"/>
                    <a:pt x="260530" y="86757"/>
                  </a:cubicBezTo>
                  <a:cubicBezTo>
                    <a:pt x="272532" y="98654"/>
                    <a:pt x="278992" y="115039"/>
                    <a:pt x="278339" y="131924"/>
                  </a:cubicBezTo>
                  <a:cubicBezTo>
                    <a:pt x="278350" y="140676"/>
                    <a:pt x="277030" y="149378"/>
                    <a:pt x="274431" y="157734"/>
                  </a:cubicBezTo>
                  <a:cubicBezTo>
                    <a:pt x="271208" y="167365"/>
                    <a:pt x="264881" y="175650"/>
                    <a:pt x="256438" y="181295"/>
                  </a:cubicBezTo>
                  <a:cubicBezTo>
                    <a:pt x="245811" y="188330"/>
                    <a:pt x="234013" y="193399"/>
                    <a:pt x="221595" y="196264"/>
                  </a:cubicBezTo>
                  <a:close/>
                  <a:moveTo>
                    <a:pt x="369078" y="267167"/>
                  </a:moveTo>
                  <a:cubicBezTo>
                    <a:pt x="353309" y="249060"/>
                    <a:pt x="332702" y="235823"/>
                    <a:pt x="309679" y="229006"/>
                  </a:cubicBezTo>
                  <a:cubicBezTo>
                    <a:pt x="328941" y="221827"/>
                    <a:pt x="345953" y="209663"/>
                    <a:pt x="358976" y="193757"/>
                  </a:cubicBezTo>
                  <a:cubicBezTo>
                    <a:pt x="376305" y="172187"/>
                    <a:pt x="385080" y="145825"/>
                    <a:pt x="385080" y="115443"/>
                  </a:cubicBezTo>
                  <a:cubicBezTo>
                    <a:pt x="385080" y="72931"/>
                    <a:pt x="369816" y="39673"/>
                    <a:pt x="339766" y="16518"/>
                  </a:cubicBezTo>
                  <a:lnTo>
                    <a:pt x="339360" y="17034"/>
                  </a:lnTo>
                  <a:lnTo>
                    <a:pt x="339360" y="17034"/>
                  </a:lnTo>
                  <a:lnTo>
                    <a:pt x="330769" y="28096"/>
                  </a:lnTo>
                  <a:cubicBezTo>
                    <a:pt x="357390" y="48596"/>
                    <a:pt x="370332" y="77134"/>
                    <a:pt x="370332" y="115332"/>
                  </a:cubicBezTo>
                  <a:cubicBezTo>
                    <a:pt x="370981" y="140322"/>
                    <a:pt x="362895" y="164754"/>
                    <a:pt x="347472" y="184429"/>
                  </a:cubicBezTo>
                  <a:cubicBezTo>
                    <a:pt x="334704" y="199752"/>
                    <a:pt x="317817" y="211101"/>
                    <a:pt x="298802" y="217133"/>
                  </a:cubicBezTo>
                  <a:lnTo>
                    <a:pt x="298802" y="217133"/>
                  </a:lnTo>
                  <a:cubicBezTo>
                    <a:pt x="292630" y="219294"/>
                    <a:pt x="286322" y="221053"/>
                    <a:pt x="279924" y="222406"/>
                  </a:cubicBezTo>
                  <a:lnTo>
                    <a:pt x="242427" y="230407"/>
                  </a:lnTo>
                  <a:lnTo>
                    <a:pt x="280219" y="236896"/>
                  </a:lnTo>
                  <a:cubicBezTo>
                    <a:pt x="286432" y="237962"/>
                    <a:pt x="292586" y="239352"/>
                    <a:pt x="298655" y="241062"/>
                  </a:cubicBezTo>
                  <a:lnTo>
                    <a:pt x="298655" y="241062"/>
                  </a:lnTo>
                  <a:cubicBezTo>
                    <a:pt x="323985" y="248105"/>
                    <a:pt x="343748" y="260014"/>
                    <a:pt x="357648" y="276532"/>
                  </a:cubicBezTo>
                  <a:cubicBezTo>
                    <a:pt x="374793" y="296959"/>
                    <a:pt x="383458" y="322142"/>
                    <a:pt x="383458" y="351454"/>
                  </a:cubicBezTo>
                  <a:cubicBezTo>
                    <a:pt x="383882" y="371770"/>
                    <a:pt x="379565" y="391905"/>
                    <a:pt x="370848" y="410263"/>
                  </a:cubicBezTo>
                  <a:cubicBezTo>
                    <a:pt x="362335" y="427408"/>
                    <a:pt x="349998" y="442367"/>
                    <a:pt x="334788" y="453992"/>
                  </a:cubicBezTo>
                  <a:cubicBezTo>
                    <a:pt x="323779" y="462336"/>
                    <a:pt x="311700" y="469168"/>
                    <a:pt x="298876" y="474308"/>
                  </a:cubicBezTo>
                  <a:lnTo>
                    <a:pt x="298876" y="474308"/>
                  </a:lnTo>
                  <a:cubicBezTo>
                    <a:pt x="291896" y="477173"/>
                    <a:pt x="284754" y="479636"/>
                    <a:pt x="277491" y="481682"/>
                  </a:cubicBezTo>
                  <a:cubicBezTo>
                    <a:pt x="252621" y="488448"/>
                    <a:pt x="226937" y="491737"/>
                    <a:pt x="201168" y="491453"/>
                  </a:cubicBezTo>
                  <a:lnTo>
                    <a:pt x="201168" y="491453"/>
                  </a:lnTo>
                  <a:cubicBezTo>
                    <a:pt x="167818" y="492032"/>
                    <a:pt x="134660" y="486328"/>
                    <a:pt x="103423" y="474640"/>
                  </a:cubicBezTo>
                  <a:cubicBezTo>
                    <a:pt x="100437" y="473460"/>
                    <a:pt x="97450" y="472280"/>
                    <a:pt x="94537" y="470953"/>
                  </a:cubicBezTo>
                  <a:cubicBezTo>
                    <a:pt x="66194" y="458048"/>
                    <a:pt x="40966" y="439185"/>
                    <a:pt x="20574" y="415646"/>
                  </a:cubicBezTo>
                  <a:lnTo>
                    <a:pt x="81264" y="360967"/>
                  </a:lnTo>
                  <a:lnTo>
                    <a:pt x="86942" y="355842"/>
                  </a:lnTo>
                  <a:lnTo>
                    <a:pt x="86610" y="355473"/>
                  </a:lnTo>
                  <a:lnTo>
                    <a:pt x="77060" y="344891"/>
                  </a:lnTo>
                  <a:lnTo>
                    <a:pt x="0" y="414135"/>
                  </a:lnTo>
                  <a:lnTo>
                    <a:pt x="4498" y="419592"/>
                  </a:lnTo>
                  <a:cubicBezTo>
                    <a:pt x="27070" y="447378"/>
                    <a:pt x="55767" y="469563"/>
                    <a:pt x="88343" y="484411"/>
                  </a:cubicBezTo>
                  <a:cubicBezTo>
                    <a:pt x="120347" y="498864"/>
                    <a:pt x="158398" y="506202"/>
                    <a:pt x="201057" y="506202"/>
                  </a:cubicBezTo>
                  <a:cubicBezTo>
                    <a:pt x="228198" y="506485"/>
                    <a:pt x="255247" y="503008"/>
                    <a:pt x="281436" y="495878"/>
                  </a:cubicBezTo>
                  <a:cubicBezTo>
                    <a:pt x="303927" y="489853"/>
                    <a:pt x="325066" y="479592"/>
                    <a:pt x="343711" y="465643"/>
                  </a:cubicBezTo>
                  <a:cubicBezTo>
                    <a:pt x="360664" y="452650"/>
                    <a:pt x="374425" y="435951"/>
                    <a:pt x="383937" y="416826"/>
                  </a:cubicBezTo>
                  <a:cubicBezTo>
                    <a:pt x="393745" y="396488"/>
                    <a:pt x="398667" y="374141"/>
                    <a:pt x="398317" y="351565"/>
                  </a:cubicBezTo>
                  <a:cubicBezTo>
                    <a:pt x="398354" y="318676"/>
                    <a:pt x="388509" y="290285"/>
                    <a:pt x="369078" y="267167"/>
                  </a:cubicBezTo>
                  <a:close/>
                  <a:moveTo>
                    <a:pt x="288184" y="345075"/>
                  </a:moveTo>
                  <a:cubicBezTo>
                    <a:pt x="288184" y="314767"/>
                    <a:pt x="276938" y="293456"/>
                    <a:pt x="254778" y="281547"/>
                  </a:cubicBezTo>
                  <a:cubicBezTo>
                    <a:pt x="240952" y="274173"/>
                    <a:pt x="223180" y="269306"/>
                    <a:pt x="201057" y="266798"/>
                  </a:cubicBezTo>
                  <a:cubicBezTo>
                    <a:pt x="188577" y="265471"/>
                    <a:pt x="176037" y="264833"/>
                    <a:pt x="163486" y="264881"/>
                  </a:cubicBezTo>
                  <a:lnTo>
                    <a:pt x="138856" y="264881"/>
                  </a:lnTo>
                  <a:lnTo>
                    <a:pt x="138856" y="279629"/>
                  </a:lnTo>
                  <a:lnTo>
                    <a:pt x="163486" y="279629"/>
                  </a:lnTo>
                  <a:cubicBezTo>
                    <a:pt x="200984" y="279629"/>
                    <a:pt x="229374" y="284644"/>
                    <a:pt x="247847" y="294378"/>
                  </a:cubicBezTo>
                  <a:cubicBezTo>
                    <a:pt x="265065" y="303559"/>
                    <a:pt x="273435" y="320187"/>
                    <a:pt x="273435" y="344891"/>
                  </a:cubicBezTo>
                  <a:cubicBezTo>
                    <a:pt x="273435" y="364838"/>
                    <a:pt x="267351" y="379550"/>
                    <a:pt x="255000" y="389874"/>
                  </a:cubicBezTo>
                  <a:cubicBezTo>
                    <a:pt x="242648" y="400197"/>
                    <a:pt x="222664" y="405728"/>
                    <a:pt x="196670" y="405728"/>
                  </a:cubicBezTo>
                  <a:lnTo>
                    <a:pt x="196670" y="420477"/>
                  </a:lnTo>
                  <a:cubicBezTo>
                    <a:pt x="198218" y="420477"/>
                    <a:pt x="199656" y="420477"/>
                    <a:pt x="201168" y="420477"/>
                  </a:cubicBezTo>
                  <a:cubicBezTo>
                    <a:pt x="228453" y="419850"/>
                    <a:pt x="249764" y="413471"/>
                    <a:pt x="264402" y="401377"/>
                  </a:cubicBezTo>
                  <a:cubicBezTo>
                    <a:pt x="280146" y="388325"/>
                    <a:pt x="288184" y="369336"/>
                    <a:pt x="288184" y="345075"/>
                  </a:cubicBezTo>
                  <a:close/>
                </a:path>
              </a:pathLst>
            </a:custGeom>
            <a:solidFill>
              <a:schemeClr val="tx1"/>
            </a:solidFill>
            <a:ln w="3687" cap="flat">
              <a:noFill/>
              <a:prstDash val="solid"/>
              <a:miter/>
            </a:ln>
          </p:spPr>
          <p:txBody>
            <a:bodyPr rtlCol="0" anchor="ctr"/>
            <a:lstStyle/>
            <a:p>
              <a:endParaRPr lang="en-US"/>
            </a:p>
          </p:txBody>
        </p:sp>
      </p:grpSp>
      <p:cxnSp>
        <p:nvCxnSpPr>
          <p:cNvPr id="15" name="Straight Connector 14" descr="Straight line">
            <a:extLst>
              <a:ext uri="{FF2B5EF4-FFF2-40B4-BE49-F238E27FC236}">
                <a16:creationId xmlns:a16="http://schemas.microsoft.com/office/drawing/2014/main" id="{0C1C90C2-73A3-5A42-B386-4932ACB90F77}"/>
              </a:ext>
            </a:extLst>
          </p:cNvPr>
          <p:cNvCxnSpPr>
            <a:cxnSpLocks/>
          </p:cNvCxnSpPr>
          <p:nvPr/>
        </p:nvCxnSpPr>
        <p:spPr>
          <a:xfrm>
            <a:off x="488951" y="3688844"/>
            <a:ext cx="5760000"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4" name="TextBox 13">
            <a:extLst>
              <a:ext uri="{FF2B5EF4-FFF2-40B4-BE49-F238E27FC236}">
                <a16:creationId xmlns:a16="http://schemas.microsoft.com/office/drawing/2014/main" id="{B82E6658-9C8D-9E40-AD14-587B6DD2FBCA}"/>
              </a:ext>
            </a:extLst>
          </p:cNvPr>
          <p:cNvSpPr txBox="1"/>
          <p:nvPr/>
        </p:nvSpPr>
        <p:spPr>
          <a:xfrm>
            <a:off x="1403349" y="2769957"/>
            <a:ext cx="6285602" cy="630942"/>
          </a:xfrm>
          <a:prstGeom prst="rect">
            <a:avLst/>
          </a:prstGeom>
          <a:noFill/>
        </p:spPr>
        <p:txBody>
          <a:bodyPr wrap="square" lIns="0" tIns="0" rIns="0" bIns="0" rtlCol="0">
            <a:spAutoFit/>
          </a:bodyPr>
          <a:lstStyle/>
          <a:p>
            <a:r>
              <a:rPr lang="en-US" sz="2000" b="1"/>
              <a:t>Application</a:t>
            </a:r>
          </a:p>
          <a:p>
            <a:r>
              <a:rPr lang="en-US" sz="2000"/>
              <a:t>Data set, Architecture, Model, Evaluation</a:t>
            </a:r>
          </a:p>
        </p:txBody>
      </p:sp>
      <p:grpSp>
        <p:nvGrpSpPr>
          <p:cNvPr id="42" name="Group 41" descr="Number 2">
            <a:extLst>
              <a:ext uri="{FF2B5EF4-FFF2-40B4-BE49-F238E27FC236}">
                <a16:creationId xmlns:a16="http://schemas.microsoft.com/office/drawing/2014/main" id="{D4E43AF8-B0BF-F040-9F16-FC1C1D6F0EFC}"/>
              </a:ext>
              <a:ext uri="{C183D7F6-B498-43B3-948B-1728B52AA6E4}">
                <adec:decorative xmlns:adec="http://schemas.microsoft.com/office/drawing/2017/decorative" val="0"/>
              </a:ext>
            </a:extLst>
          </p:cNvPr>
          <p:cNvGrpSpPr/>
          <p:nvPr/>
        </p:nvGrpSpPr>
        <p:grpSpPr>
          <a:xfrm>
            <a:off x="767441" y="2697745"/>
            <a:ext cx="468000" cy="720000"/>
            <a:chOff x="757959" y="2803607"/>
            <a:chExt cx="372545" cy="515094"/>
          </a:xfrm>
          <a:effectLst>
            <a:outerShdw blurRad="50800" dist="38100" dir="5400000" algn="t" rotWithShape="0">
              <a:prstClr val="black">
                <a:alpha val="40000"/>
              </a:prstClr>
            </a:outerShdw>
          </a:effectLst>
        </p:grpSpPr>
        <p:sp>
          <p:nvSpPr>
            <p:cNvPr id="30" name="Freeform 29">
              <a:extLst>
                <a:ext uri="{FF2B5EF4-FFF2-40B4-BE49-F238E27FC236}">
                  <a16:creationId xmlns:a16="http://schemas.microsoft.com/office/drawing/2014/main" id="{CE99517F-A36C-DB4E-89E4-0D21107D6074}"/>
                </a:ext>
              </a:extLst>
            </p:cNvPr>
            <p:cNvSpPr/>
            <p:nvPr/>
          </p:nvSpPr>
          <p:spPr>
            <a:xfrm>
              <a:off x="772560" y="2818356"/>
              <a:ext cx="353629" cy="485449"/>
            </a:xfrm>
            <a:custGeom>
              <a:avLst/>
              <a:gdLst>
                <a:gd name="connsiteX0" fmla="*/ 305034 w 353629"/>
                <a:gd name="connsiteY0" fmla="*/ 414805 h 485449"/>
                <a:gd name="connsiteX1" fmla="*/ 112899 w 353629"/>
                <a:gd name="connsiteY1" fmla="*/ 414805 h 485449"/>
                <a:gd name="connsiteX2" fmla="*/ 113599 w 353629"/>
                <a:gd name="connsiteY2" fmla="*/ 406767 h 485449"/>
                <a:gd name="connsiteX3" fmla="*/ 150470 w 353629"/>
                <a:gd name="connsiteY3" fmla="*/ 352456 h 485449"/>
                <a:gd name="connsiteX4" fmla="*/ 203454 w 353629"/>
                <a:gd name="connsiteY4" fmla="*/ 313004 h 485449"/>
                <a:gd name="connsiteX5" fmla="*/ 237597 w 353629"/>
                <a:gd name="connsiteY5" fmla="*/ 290882 h 485449"/>
                <a:gd name="connsiteX6" fmla="*/ 293309 w 353629"/>
                <a:gd name="connsiteY6" fmla="*/ 248738 h 485449"/>
                <a:gd name="connsiteX7" fmla="*/ 316279 w 353629"/>
                <a:gd name="connsiteY7" fmla="*/ 223445 h 485449"/>
                <a:gd name="connsiteX8" fmla="*/ 325276 w 353629"/>
                <a:gd name="connsiteY8" fmla="*/ 210319 h 485449"/>
                <a:gd name="connsiteX9" fmla="*/ 339582 w 353629"/>
                <a:gd name="connsiteY9" fmla="*/ 173927 h 485449"/>
                <a:gd name="connsiteX10" fmla="*/ 343195 w 353629"/>
                <a:gd name="connsiteY10" fmla="*/ 135249 h 485449"/>
                <a:gd name="connsiteX11" fmla="*/ 302637 w 353629"/>
                <a:gd name="connsiteY11" fmla="*/ 36509 h 485449"/>
                <a:gd name="connsiteX12" fmla="*/ 184908 w 353629"/>
                <a:gd name="connsiteY12" fmla="*/ 7 h 485449"/>
                <a:gd name="connsiteX13" fmla="*/ 126947 w 353629"/>
                <a:gd name="connsiteY13" fmla="*/ 7381 h 485449"/>
                <a:gd name="connsiteX14" fmla="*/ 117397 w 353629"/>
                <a:gd name="connsiteY14" fmla="*/ 10330 h 485449"/>
                <a:gd name="connsiteX15" fmla="*/ 116217 w 353629"/>
                <a:gd name="connsiteY15" fmla="*/ 10736 h 485449"/>
                <a:gd name="connsiteX16" fmla="*/ 107295 w 353629"/>
                <a:gd name="connsiteY16" fmla="*/ 14017 h 485449"/>
                <a:gd name="connsiteX17" fmla="*/ 97044 w 353629"/>
                <a:gd name="connsiteY17" fmla="*/ 18368 h 485449"/>
                <a:gd name="connsiteX18" fmla="*/ 78240 w 353629"/>
                <a:gd name="connsiteY18" fmla="*/ 28176 h 485449"/>
                <a:gd name="connsiteX19" fmla="*/ 37940 w 353629"/>
                <a:gd name="connsiteY19" fmla="*/ 60586 h 485449"/>
                <a:gd name="connsiteX20" fmla="*/ 8038 w 353629"/>
                <a:gd name="connsiteY20" fmla="*/ 97899 h 485449"/>
                <a:gd name="connsiteX21" fmla="*/ 72009 w 353629"/>
                <a:gd name="connsiteY21" fmla="*/ 142623 h 485449"/>
                <a:gd name="connsiteX22" fmla="*/ 119941 w 353629"/>
                <a:gd name="connsiteY22" fmla="*/ 95023 h 485449"/>
                <a:gd name="connsiteX23" fmla="*/ 158619 w 353629"/>
                <a:gd name="connsiteY23" fmla="*/ 78320 h 485449"/>
                <a:gd name="connsiteX24" fmla="*/ 169680 w 353629"/>
                <a:gd name="connsiteY24" fmla="*/ 76403 h 485449"/>
                <a:gd name="connsiteX25" fmla="*/ 181626 w 353629"/>
                <a:gd name="connsiteY25" fmla="*/ 75666 h 485449"/>
                <a:gd name="connsiteX26" fmla="*/ 234536 w 353629"/>
                <a:gd name="connsiteY26" fmla="*/ 93659 h 485449"/>
                <a:gd name="connsiteX27" fmla="*/ 224434 w 353629"/>
                <a:gd name="connsiteY27" fmla="*/ 104241 h 485449"/>
                <a:gd name="connsiteX28" fmla="*/ 239956 w 353629"/>
                <a:gd name="connsiteY28" fmla="*/ 147085 h 485449"/>
                <a:gd name="connsiteX29" fmla="*/ 239956 w 353629"/>
                <a:gd name="connsiteY29" fmla="*/ 152026 h 485449"/>
                <a:gd name="connsiteX30" fmla="*/ 239956 w 353629"/>
                <a:gd name="connsiteY30" fmla="*/ 152026 h 485449"/>
                <a:gd name="connsiteX31" fmla="*/ 239624 w 353629"/>
                <a:gd name="connsiteY31" fmla="*/ 156819 h 485449"/>
                <a:gd name="connsiteX32" fmla="*/ 234315 w 353629"/>
                <a:gd name="connsiteY32" fmla="*/ 174812 h 485449"/>
                <a:gd name="connsiteX33" fmla="*/ 214331 w 353629"/>
                <a:gd name="connsiteY33" fmla="*/ 201248 h 485449"/>
                <a:gd name="connsiteX34" fmla="*/ 179082 w 353629"/>
                <a:gd name="connsiteY34" fmla="*/ 227390 h 485449"/>
                <a:gd name="connsiteX35" fmla="*/ 140995 w 353629"/>
                <a:gd name="connsiteY35" fmla="*/ 250324 h 485449"/>
                <a:gd name="connsiteX36" fmla="*/ 140515 w 353629"/>
                <a:gd name="connsiteY36" fmla="*/ 250582 h 485449"/>
                <a:gd name="connsiteX37" fmla="*/ 56818 w 353629"/>
                <a:gd name="connsiteY37" fmla="*/ 313742 h 485449"/>
                <a:gd name="connsiteX38" fmla="*/ 57297 w 353629"/>
                <a:gd name="connsiteY38" fmla="*/ 314221 h 485449"/>
                <a:gd name="connsiteX39" fmla="*/ 57297 w 353629"/>
                <a:gd name="connsiteY39" fmla="*/ 314221 h 485449"/>
                <a:gd name="connsiteX40" fmla="*/ 67290 w 353629"/>
                <a:gd name="connsiteY40" fmla="*/ 324065 h 485449"/>
                <a:gd name="connsiteX41" fmla="*/ 40447 w 353629"/>
                <a:gd name="connsiteY41" fmla="*/ 354447 h 485449"/>
                <a:gd name="connsiteX42" fmla="*/ 24003 w 353629"/>
                <a:gd name="connsiteY42" fmla="*/ 378745 h 485449"/>
                <a:gd name="connsiteX43" fmla="*/ 4609 w 353629"/>
                <a:gd name="connsiteY43" fmla="*/ 430106 h 485449"/>
                <a:gd name="connsiteX44" fmla="*/ 0 w 353629"/>
                <a:gd name="connsiteY44" fmla="*/ 482094 h 485449"/>
                <a:gd name="connsiteX45" fmla="*/ 0 w 353629"/>
                <a:gd name="connsiteY45" fmla="*/ 485450 h 485449"/>
                <a:gd name="connsiteX46" fmla="*/ 353629 w 353629"/>
                <a:gd name="connsiteY46" fmla="*/ 485450 h 485449"/>
                <a:gd name="connsiteX47" fmla="*/ 353629 w 353629"/>
                <a:gd name="connsiteY47" fmla="*/ 414657 h 4854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353629" h="485449">
                  <a:moveTo>
                    <a:pt x="305034" y="414805"/>
                  </a:moveTo>
                  <a:lnTo>
                    <a:pt x="112899" y="414805"/>
                  </a:lnTo>
                  <a:lnTo>
                    <a:pt x="113599" y="406767"/>
                  </a:lnTo>
                  <a:cubicBezTo>
                    <a:pt x="115111" y="389991"/>
                    <a:pt x="127205" y="372219"/>
                    <a:pt x="150470" y="352456"/>
                  </a:cubicBezTo>
                  <a:cubicBezTo>
                    <a:pt x="167424" y="338382"/>
                    <a:pt x="185111" y="325212"/>
                    <a:pt x="203454" y="313004"/>
                  </a:cubicBezTo>
                  <a:cubicBezTo>
                    <a:pt x="214073" y="305825"/>
                    <a:pt x="225455" y="298451"/>
                    <a:pt x="237597" y="290882"/>
                  </a:cubicBezTo>
                  <a:cubicBezTo>
                    <a:pt x="257437" y="278596"/>
                    <a:pt x="276090" y="264486"/>
                    <a:pt x="293309" y="248738"/>
                  </a:cubicBezTo>
                  <a:cubicBezTo>
                    <a:pt x="301627" y="240932"/>
                    <a:pt x="309311" y="232474"/>
                    <a:pt x="316279" y="223445"/>
                  </a:cubicBezTo>
                  <a:cubicBezTo>
                    <a:pt x="319527" y="219245"/>
                    <a:pt x="322529" y="214861"/>
                    <a:pt x="325276" y="210319"/>
                  </a:cubicBezTo>
                  <a:cubicBezTo>
                    <a:pt x="332167" y="199136"/>
                    <a:pt x="337012" y="186810"/>
                    <a:pt x="339582" y="173927"/>
                  </a:cubicBezTo>
                  <a:cubicBezTo>
                    <a:pt x="341956" y="161171"/>
                    <a:pt x="343166" y="148224"/>
                    <a:pt x="343195" y="135249"/>
                  </a:cubicBezTo>
                  <a:cubicBezTo>
                    <a:pt x="343195" y="93769"/>
                    <a:pt x="329590" y="60549"/>
                    <a:pt x="302637" y="36509"/>
                  </a:cubicBezTo>
                  <a:cubicBezTo>
                    <a:pt x="275684" y="12469"/>
                    <a:pt x="235900" y="7"/>
                    <a:pt x="184908" y="7"/>
                  </a:cubicBezTo>
                  <a:cubicBezTo>
                    <a:pt x="165344" y="-145"/>
                    <a:pt x="145850" y="2336"/>
                    <a:pt x="126947" y="7381"/>
                  </a:cubicBezTo>
                  <a:cubicBezTo>
                    <a:pt x="123702" y="8302"/>
                    <a:pt x="120531" y="9298"/>
                    <a:pt x="117397" y="10330"/>
                  </a:cubicBezTo>
                  <a:lnTo>
                    <a:pt x="116217" y="10736"/>
                  </a:lnTo>
                  <a:cubicBezTo>
                    <a:pt x="113194" y="11768"/>
                    <a:pt x="110244" y="12874"/>
                    <a:pt x="107295" y="14017"/>
                  </a:cubicBezTo>
                  <a:cubicBezTo>
                    <a:pt x="104345" y="15160"/>
                    <a:pt x="100400" y="16820"/>
                    <a:pt x="97044" y="18368"/>
                  </a:cubicBezTo>
                  <a:cubicBezTo>
                    <a:pt x="90592" y="21268"/>
                    <a:pt x="84312" y="24543"/>
                    <a:pt x="78240" y="28176"/>
                  </a:cubicBezTo>
                  <a:cubicBezTo>
                    <a:pt x="63453" y="37179"/>
                    <a:pt x="49906" y="48074"/>
                    <a:pt x="37940" y="60586"/>
                  </a:cubicBezTo>
                  <a:cubicBezTo>
                    <a:pt x="26941" y="72160"/>
                    <a:pt x="16938" y="84642"/>
                    <a:pt x="8038" y="97899"/>
                  </a:cubicBezTo>
                  <a:lnTo>
                    <a:pt x="72009" y="142623"/>
                  </a:lnTo>
                  <a:cubicBezTo>
                    <a:pt x="84637" y="123706"/>
                    <a:pt x="100938" y="107519"/>
                    <a:pt x="119941" y="95023"/>
                  </a:cubicBezTo>
                  <a:cubicBezTo>
                    <a:pt x="131784" y="87283"/>
                    <a:pt x="144866" y="81633"/>
                    <a:pt x="158619" y="78320"/>
                  </a:cubicBezTo>
                  <a:cubicBezTo>
                    <a:pt x="162269" y="77481"/>
                    <a:pt x="165960" y="76840"/>
                    <a:pt x="169680" y="76403"/>
                  </a:cubicBezTo>
                  <a:cubicBezTo>
                    <a:pt x="173644" y="75919"/>
                    <a:pt x="177633" y="75673"/>
                    <a:pt x="181626" y="75666"/>
                  </a:cubicBezTo>
                  <a:cubicBezTo>
                    <a:pt x="204228" y="75666"/>
                    <a:pt x="222184" y="81713"/>
                    <a:pt x="234536" y="93659"/>
                  </a:cubicBezTo>
                  <a:lnTo>
                    <a:pt x="224434" y="104241"/>
                  </a:lnTo>
                  <a:cubicBezTo>
                    <a:pt x="234757" y="114970"/>
                    <a:pt x="239956" y="129239"/>
                    <a:pt x="239956" y="147085"/>
                  </a:cubicBezTo>
                  <a:cubicBezTo>
                    <a:pt x="239956" y="148744"/>
                    <a:pt x="239956" y="150403"/>
                    <a:pt x="239956" y="152026"/>
                  </a:cubicBezTo>
                  <a:lnTo>
                    <a:pt x="239956" y="152026"/>
                  </a:lnTo>
                  <a:cubicBezTo>
                    <a:pt x="239956" y="153574"/>
                    <a:pt x="239956" y="155307"/>
                    <a:pt x="239624" y="156819"/>
                  </a:cubicBezTo>
                  <a:cubicBezTo>
                    <a:pt x="238699" y="163035"/>
                    <a:pt x="236911" y="169089"/>
                    <a:pt x="234315" y="174812"/>
                  </a:cubicBezTo>
                  <a:cubicBezTo>
                    <a:pt x="229448" y="184848"/>
                    <a:pt x="222660" y="193830"/>
                    <a:pt x="214331" y="201248"/>
                  </a:cubicBezTo>
                  <a:cubicBezTo>
                    <a:pt x="203425" y="211045"/>
                    <a:pt x="191622" y="219798"/>
                    <a:pt x="179082" y="227390"/>
                  </a:cubicBezTo>
                  <a:cubicBezTo>
                    <a:pt x="168047" y="234296"/>
                    <a:pt x="155348" y="241943"/>
                    <a:pt x="140995" y="250324"/>
                  </a:cubicBezTo>
                  <a:lnTo>
                    <a:pt x="140515" y="250582"/>
                  </a:lnTo>
                  <a:cubicBezTo>
                    <a:pt x="110211" y="268243"/>
                    <a:pt x="82115" y="289444"/>
                    <a:pt x="56818" y="313742"/>
                  </a:cubicBezTo>
                  <a:lnTo>
                    <a:pt x="57297" y="314221"/>
                  </a:lnTo>
                  <a:lnTo>
                    <a:pt x="57297" y="314221"/>
                  </a:lnTo>
                  <a:lnTo>
                    <a:pt x="67290" y="324065"/>
                  </a:lnTo>
                  <a:cubicBezTo>
                    <a:pt x="57737" y="333641"/>
                    <a:pt x="48773" y="343788"/>
                    <a:pt x="40447" y="354447"/>
                  </a:cubicBezTo>
                  <a:cubicBezTo>
                    <a:pt x="34425" y="362168"/>
                    <a:pt x="28932" y="370283"/>
                    <a:pt x="24003" y="378745"/>
                  </a:cubicBezTo>
                  <a:cubicBezTo>
                    <a:pt x="14606" y="394611"/>
                    <a:pt x="8043" y="411992"/>
                    <a:pt x="4609" y="430106"/>
                  </a:cubicBezTo>
                  <a:cubicBezTo>
                    <a:pt x="1557" y="447266"/>
                    <a:pt x="15" y="464666"/>
                    <a:pt x="0" y="482094"/>
                  </a:cubicBezTo>
                  <a:lnTo>
                    <a:pt x="0" y="485450"/>
                  </a:lnTo>
                  <a:lnTo>
                    <a:pt x="353629" y="485450"/>
                  </a:lnTo>
                  <a:lnTo>
                    <a:pt x="353629" y="414657"/>
                  </a:lnTo>
                  <a:close/>
                </a:path>
              </a:pathLst>
            </a:custGeom>
            <a:solidFill>
              <a:srgbClr val="008FD3"/>
            </a:solidFill>
            <a:ln w="3687" cap="flat">
              <a:noFill/>
              <a:prstDash val="solid"/>
              <a:miter/>
            </a:ln>
          </p:spPr>
          <p:txBody>
            <a:bodyPr rtlCol="0" anchor="ctr"/>
            <a:lstStyle/>
            <a:p>
              <a:endParaRPr lang="en-US"/>
            </a:p>
          </p:txBody>
        </p:sp>
        <p:sp>
          <p:nvSpPr>
            <p:cNvPr id="31" name="Freeform 30">
              <a:extLst>
                <a:ext uri="{FF2B5EF4-FFF2-40B4-BE49-F238E27FC236}">
                  <a16:creationId xmlns:a16="http://schemas.microsoft.com/office/drawing/2014/main" id="{A47A40C5-3E30-D84B-90ED-3B5165048DAD}"/>
                </a:ext>
              </a:extLst>
            </p:cNvPr>
            <p:cNvSpPr/>
            <p:nvPr/>
          </p:nvSpPr>
          <p:spPr>
            <a:xfrm>
              <a:off x="879854" y="2818319"/>
              <a:ext cx="235900" cy="223407"/>
            </a:xfrm>
            <a:custGeom>
              <a:avLst/>
              <a:gdLst>
                <a:gd name="connsiteX0" fmla="*/ 195342 w 235900"/>
                <a:gd name="connsiteY0" fmla="*/ 36509 h 223407"/>
                <a:gd name="connsiteX1" fmla="*/ 77613 w 235900"/>
                <a:gd name="connsiteY1" fmla="*/ 7 h 223407"/>
                <a:gd name="connsiteX2" fmla="*/ 19652 w 235900"/>
                <a:gd name="connsiteY2" fmla="*/ 7381 h 223407"/>
                <a:gd name="connsiteX3" fmla="*/ 10103 w 235900"/>
                <a:gd name="connsiteY3" fmla="*/ 10330 h 223407"/>
                <a:gd name="connsiteX4" fmla="*/ 8923 w 235900"/>
                <a:gd name="connsiteY4" fmla="*/ 10736 h 223407"/>
                <a:gd name="connsiteX5" fmla="*/ 0 w 235900"/>
                <a:gd name="connsiteY5" fmla="*/ 14017 h 223407"/>
                <a:gd name="connsiteX6" fmla="*/ 62423 w 235900"/>
                <a:gd name="connsiteY6" fmla="*/ 76440 h 223407"/>
                <a:gd name="connsiteX7" fmla="*/ 74369 w 235900"/>
                <a:gd name="connsiteY7" fmla="*/ 75703 h 223407"/>
                <a:gd name="connsiteX8" fmla="*/ 127279 w 235900"/>
                <a:gd name="connsiteY8" fmla="*/ 93696 h 223407"/>
                <a:gd name="connsiteX9" fmla="*/ 117176 w 235900"/>
                <a:gd name="connsiteY9" fmla="*/ 104278 h 223407"/>
                <a:gd name="connsiteX10" fmla="*/ 132662 w 235900"/>
                <a:gd name="connsiteY10" fmla="*/ 147122 h 223407"/>
                <a:gd name="connsiteX11" fmla="*/ 132662 w 235900"/>
                <a:gd name="connsiteY11" fmla="*/ 152062 h 223407"/>
                <a:gd name="connsiteX12" fmla="*/ 132662 w 235900"/>
                <a:gd name="connsiteY12" fmla="*/ 152062 h 223407"/>
                <a:gd name="connsiteX13" fmla="*/ 209058 w 235900"/>
                <a:gd name="connsiteY13" fmla="*/ 223408 h 223407"/>
                <a:gd name="connsiteX14" fmla="*/ 218055 w 235900"/>
                <a:gd name="connsiteY14" fmla="*/ 210282 h 223407"/>
                <a:gd name="connsiteX15" fmla="*/ 232361 w 235900"/>
                <a:gd name="connsiteY15" fmla="*/ 173890 h 223407"/>
                <a:gd name="connsiteX16" fmla="*/ 235900 w 235900"/>
                <a:gd name="connsiteY16" fmla="*/ 135286 h 223407"/>
                <a:gd name="connsiteX17" fmla="*/ 195342 w 235900"/>
                <a:gd name="connsiteY17" fmla="*/ 36509 h 2234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35900" h="223407">
                  <a:moveTo>
                    <a:pt x="195342" y="36509"/>
                  </a:moveTo>
                  <a:cubicBezTo>
                    <a:pt x="168205" y="12285"/>
                    <a:pt x="128606" y="7"/>
                    <a:pt x="77613" y="7"/>
                  </a:cubicBezTo>
                  <a:cubicBezTo>
                    <a:pt x="58050" y="-145"/>
                    <a:pt x="38556" y="2336"/>
                    <a:pt x="19652" y="7381"/>
                  </a:cubicBezTo>
                  <a:cubicBezTo>
                    <a:pt x="16408" y="8302"/>
                    <a:pt x="13237" y="9298"/>
                    <a:pt x="10103" y="10330"/>
                  </a:cubicBezTo>
                  <a:lnTo>
                    <a:pt x="8923" y="10736"/>
                  </a:lnTo>
                  <a:cubicBezTo>
                    <a:pt x="5899" y="11768"/>
                    <a:pt x="2950" y="12874"/>
                    <a:pt x="0" y="14017"/>
                  </a:cubicBezTo>
                  <a:lnTo>
                    <a:pt x="62423" y="76440"/>
                  </a:lnTo>
                  <a:cubicBezTo>
                    <a:pt x="66386" y="75956"/>
                    <a:pt x="70376" y="75710"/>
                    <a:pt x="74369" y="75703"/>
                  </a:cubicBezTo>
                  <a:cubicBezTo>
                    <a:pt x="96971" y="75703"/>
                    <a:pt x="114927" y="81749"/>
                    <a:pt x="127279" y="93696"/>
                  </a:cubicBezTo>
                  <a:lnTo>
                    <a:pt x="117176" y="104278"/>
                  </a:lnTo>
                  <a:cubicBezTo>
                    <a:pt x="127463" y="115007"/>
                    <a:pt x="132662" y="129276"/>
                    <a:pt x="132662" y="147122"/>
                  </a:cubicBezTo>
                  <a:cubicBezTo>
                    <a:pt x="132662" y="148781"/>
                    <a:pt x="132662" y="150440"/>
                    <a:pt x="132662" y="152062"/>
                  </a:cubicBezTo>
                  <a:lnTo>
                    <a:pt x="132662" y="152062"/>
                  </a:lnTo>
                  <a:lnTo>
                    <a:pt x="209058" y="223408"/>
                  </a:lnTo>
                  <a:cubicBezTo>
                    <a:pt x="212307" y="219208"/>
                    <a:pt x="215308" y="214824"/>
                    <a:pt x="218055" y="210282"/>
                  </a:cubicBezTo>
                  <a:cubicBezTo>
                    <a:pt x="224946" y="199099"/>
                    <a:pt x="229791" y="186773"/>
                    <a:pt x="232361" y="173890"/>
                  </a:cubicBezTo>
                  <a:cubicBezTo>
                    <a:pt x="234706" y="161156"/>
                    <a:pt x="235889" y="148235"/>
                    <a:pt x="235900" y="135286"/>
                  </a:cubicBezTo>
                  <a:cubicBezTo>
                    <a:pt x="235900" y="93806"/>
                    <a:pt x="222111" y="60586"/>
                    <a:pt x="195342" y="36509"/>
                  </a:cubicBezTo>
                  <a:close/>
                </a:path>
              </a:pathLst>
            </a:custGeom>
            <a:solidFill>
              <a:srgbClr val="F0AB00"/>
            </a:solidFill>
            <a:ln w="3687" cap="flat">
              <a:noFill/>
              <a:prstDash val="solid"/>
              <a:miter/>
            </a:ln>
          </p:spPr>
          <p:txBody>
            <a:bodyPr rtlCol="0" anchor="ctr"/>
            <a:lstStyle/>
            <a:p>
              <a:endParaRPr lang="en-US"/>
            </a:p>
          </p:txBody>
        </p:sp>
        <p:sp>
          <p:nvSpPr>
            <p:cNvPr id="32" name="Freeform 31">
              <a:extLst>
                <a:ext uri="{FF2B5EF4-FFF2-40B4-BE49-F238E27FC236}">
                  <a16:creationId xmlns:a16="http://schemas.microsoft.com/office/drawing/2014/main" id="{35507F8E-E3B6-D34B-A23D-8B6C0FC88C78}"/>
                </a:ext>
              </a:extLst>
            </p:cNvPr>
            <p:cNvSpPr/>
            <p:nvPr/>
          </p:nvSpPr>
          <p:spPr>
            <a:xfrm>
              <a:off x="780524" y="2832337"/>
              <a:ext cx="345665" cy="450194"/>
            </a:xfrm>
            <a:custGeom>
              <a:avLst/>
              <a:gdLst>
                <a:gd name="connsiteX0" fmla="*/ 308315 w 345665"/>
                <a:gd name="connsiteY0" fmla="*/ 209464 h 450194"/>
                <a:gd name="connsiteX1" fmla="*/ 285344 w 345665"/>
                <a:gd name="connsiteY1" fmla="*/ 234757 h 450194"/>
                <a:gd name="connsiteX2" fmla="*/ 229632 w 345665"/>
                <a:gd name="connsiteY2" fmla="*/ 276901 h 450194"/>
                <a:gd name="connsiteX3" fmla="*/ 195490 w 345665"/>
                <a:gd name="connsiteY3" fmla="*/ 299024 h 450194"/>
                <a:gd name="connsiteX4" fmla="*/ 133030 w 345665"/>
                <a:gd name="connsiteY4" fmla="*/ 236343 h 450194"/>
                <a:gd name="connsiteX5" fmla="*/ 171044 w 345665"/>
                <a:gd name="connsiteY5" fmla="*/ 213409 h 450194"/>
                <a:gd name="connsiteX6" fmla="*/ 206293 w 345665"/>
                <a:gd name="connsiteY6" fmla="*/ 187268 h 450194"/>
                <a:gd name="connsiteX7" fmla="*/ 226277 w 345665"/>
                <a:gd name="connsiteY7" fmla="*/ 160831 h 450194"/>
                <a:gd name="connsiteX8" fmla="*/ 231587 w 345665"/>
                <a:gd name="connsiteY8" fmla="*/ 142838 h 450194"/>
                <a:gd name="connsiteX9" fmla="*/ 231918 w 345665"/>
                <a:gd name="connsiteY9" fmla="*/ 138045 h 450194"/>
                <a:gd name="connsiteX10" fmla="*/ 231918 w 345665"/>
                <a:gd name="connsiteY10" fmla="*/ 138045 h 450194"/>
                <a:gd name="connsiteX11" fmla="*/ 99257 w 345665"/>
                <a:gd name="connsiteY11" fmla="*/ 0 h 450194"/>
                <a:gd name="connsiteX12" fmla="*/ 89007 w 345665"/>
                <a:gd name="connsiteY12" fmla="*/ 4351 h 450194"/>
                <a:gd name="connsiteX13" fmla="*/ 70202 w 345665"/>
                <a:gd name="connsiteY13" fmla="*/ 14158 h 450194"/>
                <a:gd name="connsiteX14" fmla="*/ 29902 w 345665"/>
                <a:gd name="connsiteY14" fmla="*/ 46568 h 450194"/>
                <a:gd name="connsiteX15" fmla="*/ 0 w 345665"/>
                <a:gd name="connsiteY15" fmla="*/ 83881 h 450194"/>
                <a:gd name="connsiteX16" fmla="*/ 64045 w 345665"/>
                <a:gd name="connsiteY16" fmla="*/ 128643 h 450194"/>
                <a:gd name="connsiteX17" fmla="*/ 111977 w 345665"/>
                <a:gd name="connsiteY17" fmla="*/ 81042 h 450194"/>
                <a:gd name="connsiteX18" fmla="*/ 150655 w 345665"/>
                <a:gd name="connsiteY18" fmla="*/ 64340 h 450194"/>
                <a:gd name="connsiteX19" fmla="*/ 156149 w 345665"/>
                <a:gd name="connsiteY19" fmla="*/ 63234 h 450194"/>
                <a:gd name="connsiteX20" fmla="*/ 161679 w 345665"/>
                <a:gd name="connsiteY20" fmla="*/ 62423 h 450194"/>
                <a:gd name="connsiteX21" fmla="*/ 345665 w 345665"/>
                <a:gd name="connsiteY21" fmla="*/ 450195 h 450194"/>
                <a:gd name="connsiteX22" fmla="*/ 345665 w 345665"/>
                <a:gd name="connsiteY22" fmla="*/ 400824 h 450194"/>
                <a:gd name="connsiteX23" fmla="*/ 296332 w 345665"/>
                <a:gd name="connsiteY23" fmla="*/ 400824 h 4501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345665" h="450194">
                  <a:moveTo>
                    <a:pt x="308315" y="209464"/>
                  </a:moveTo>
                  <a:cubicBezTo>
                    <a:pt x="301346" y="218494"/>
                    <a:pt x="293663" y="226952"/>
                    <a:pt x="285344" y="234757"/>
                  </a:cubicBezTo>
                  <a:cubicBezTo>
                    <a:pt x="268126" y="250505"/>
                    <a:pt x="249473" y="264616"/>
                    <a:pt x="229632" y="276901"/>
                  </a:cubicBezTo>
                  <a:cubicBezTo>
                    <a:pt x="217343" y="284496"/>
                    <a:pt x="205961" y="291871"/>
                    <a:pt x="195490" y="299024"/>
                  </a:cubicBezTo>
                  <a:lnTo>
                    <a:pt x="133030" y="236343"/>
                  </a:lnTo>
                  <a:cubicBezTo>
                    <a:pt x="147384" y="227888"/>
                    <a:pt x="160057" y="220241"/>
                    <a:pt x="171044" y="213409"/>
                  </a:cubicBezTo>
                  <a:cubicBezTo>
                    <a:pt x="183584" y="205817"/>
                    <a:pt x="195387" y="197064"/>
                    <a:pt x="206293" y="187268"/>
                  </a:cubicBezTo>
                  <a:cubicBezTo>
                    <a:pt x="214619" y="179849"/>
                    <a:pt x="221410" y="170867"/>
                    <a:pt x="226277" y="160831"/>
                  </a:cubicBezTo>
                  <a:cubicBezTo>
                    <a:pt x="228873" y="155109"/>
                    <a:pt x="230661" y="149055"/>
                    <a:pt x="231587" y="142838"/>
                  </a:cubicBezTo>
                  <a:cubicBezTo>
                    <a:pt x="231808" y="141326"/>
                    <a:pt x="231771" y="139593"/>
                    <a:pt x="231918" y="138045"/>
                  </a:cubicBezTo>
                  <a:lnTo>
                    <a:pt x="231918" y="138045"/>
                  </a:lnTo>
                  <a:close/>
                  <a:moveTo>
                    <a:pt x="99257" y="0"/>
                  </a:moveTo>
                  <a:cubicBezTo>
                    <a:pt x="95791" y="1364"/>
                    <a:pt x="92362" y="2802"/>
                    <a:pt x="89007" y="4351"/>
                  </a:cubicBezTo>
                  <a:cubicBezTo>
                    <a:pt x="82554" y="7251"/>
                    <a:pt x="76274" y="10525"/>
                    <a:pt x="70202" y="14158"/>
                  </a:cubicBezTo>
                  <a:cubicBezTo>
                    <a:pt x="55416" y="23161"/>
                    <a:pt x="41868" y="34057"/>
                    <a:pt x="29902" y="46568"/>
                  </a:cubicBezTo>
                  <a:cubicBezTo>
                    <a:pt x="18903" y="58143"/>
                    <a:pt x="8900" y="70625"/>
                    <a:pt x="0" y="83881"/>
                  </a:cubicBezTo>
                  <a:lnTo>
                    <a:pt x="64045" y="128643"/>
                  </a:lnTo>
                  <a:cubicBezTo>
                    <a:pt x="76673" y="109726"/>
                    <a:pt x="92974" y="93539"/>
                    <a:pt x="111977" y="81042"/>
                  </a:cubicBezTo>
                  <a:cubicBezTo>
                    <a:pt x="123820" y="73302"/>
                    <a:pt x="136902" y="67653"/>
                    <a:pt x="150655" y="64340"/>
                  </a:cubicBezTo>
                  <a:lnTo>
                    <a:pt x="156149" y="63234"/>
                  </a:lnTo>
                  <a:cubicBezTo>
                    <a:pt x="157992" y="62902"/>
                    <a:pt x="159836" y="62644"/>
                    <a:pt x="161679" y="62423"/>
                  </a:cubicBezTo>
                  <a:close/>
                  <a:moveTo>
                    <a:pt x="345665" y="450195"/>
                  </a:moveTo>
                  <a:lnTo>
                    <a:pt x="345665" y="400824"/>
                  </a:lnTo>
                  <a:lnTo>
                    <a:pt x="296332" y="400824"/>
                  </a:lnTo>
                  <a:close/>
                </a:path>
              </a:pathLst>
            </a:custGeom>
            <a:solidFill>
              <a:srgbClr val="F0AB00">
                <a:alpha val="70000"/>
              </a:srgbClr>
            </a:solidFill>
            <a:ln w="3687" cap="flat">
              <a:noFill/>
              <a:prstDash val="solid"/>
              <a:miter/>
            </a:ln>
          </p:spPr>
          <p:txBody>
            <a:bodyPr rtlCol="0" anchor="ctr"/>
            <a:lstStyle/>
            <a:p>
              <a:endParaRPr lang="en-US"/>
            </a:p>
          </p:txBody>
        </p:sp>
        <p:sp>
          <p:nvSpPr>
            <p:cNvPr id="33" name="Freeform 32">
              <a:extLst>
                <a:ext uri="{FF2B5EF4-FFF2-40B4-BE49-F238E27FC236}">
                  <a16:creationId xmlns:a16="http://schemas.microsoft.com/office/drawing/2014/main" id="{9EED0E7B-BF5A-2A4C-9CCF-DEEFDED91299}"/>
                </a:ext>
              </a:extLst>
            </p:cNvPr>
            <p:cNvSpPr/>
            <p:nvPr/>
          </p:nvSpPr>
          <p:spPr>
            <a:xfrm>
              <a:off x="813007" y="3068680"/>
              <a:ext cx="313182" cy="235126"/>
            </a:xfrm>
            <a:custGeom>
              <a:avLst/>
              <a:gdLst>
                <a:gd name="connsiteX0" fmla="*/ 263849 w 313182"/>
                <a:gd name="connsiteY0" fmla="*/ 164481 h 235126"/>
                <a:gd name="connsiteX1" fmla="*/ 72451 w 313182"/>
                <a:gd name="connsiteY1" fmla="*/ 164481 h 235126"/>
                <a:gd name="connsiteX2" fmla="*/ 73152 w 313182"/>
                <a:gd name="connsiteY2" fmla="*/ 156443 h 235126"/>
                <a:gd name="connsiteX3" fmla="*/ 110023 w 313182"/>
                <a:gd name="connsiteY3" fmla="*/ 102133 h 235126"/>
                <a:gd name="connsiteX4" fmla="*/ 163007 w 313182"/>
                <a:gd name="connsiteY4" fmla="*/ 62681 h 235126"/>
                <a:gd name="connsiteX5" fmla="*/ 100584 w 313182"/>
                <a:gd name="connsiteY5" fmla="*/ 0 h 235126"/>
                <a:gd name="connsiteX6" fmla="*/ 100584 w 313182"/>
                <a:gd name="connsiteY6" fmla="*/ 0 h 235126"/>
                <a:gd name="connsiteX7" fmla="*/ 100105 w 313182"/>
                <a:gd name="connsiteY7" fmla="*/ 258 h 235126"/>
                <a:gd name="connsiteX8" fmla="*/ 16408 w 313182"/>
                <a:gd name="connsiteY8" fmla="*/ 63418 h 235126"/>
                <a:gd name="connsiteX9" fmla="*/ 16887 w 313182"/>
                <a:gd name="connsiteY9" fmla="*/ 63897 h 235126"/>
                <a:gd name="connsiteX10" fmla="*/ 16887 w 313182"/>
                <a:gd name="connsiteY10" fmla="*/ 63897 h 235126"/>
                <a:gd name="connsiteX11" fmla="*/ 26842 w 313182"/>
                <a:gd name="connsiteY11" fmla="*/ 73742 h 235126"/>
                <a:gd name="connsiteX12" fmla="*/ 0 w 313182"/>
                <a:gd name="connsiteY12" fmla="*/ 104124 h 235126"/>
                <a:gd name="connsiteX13" fmla="*/ 131003 w 313182"/>
                <a:gd name="connsiteY13" fmla="*/ 235126 h 235126"/>
                <a:gd name="connsiteX14" fmla="*/ 313182 w 313182"/>
                <a:gd name="connsiteY14" fmla="*/ 235126 h 235126"/>
                <a:gd name="connsiteX15" fmla="*/ 313182 w 313182"/>
                <a:gd name="connsiteY15" fmla="*/ 213852 h 2351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13182" h="235126">
                  <a:moveTo>
                    <a:pt x="263849" y="164481"/>
                  </a:moveTo>
                  <a:lnTo>
                    <a:pt x="72451" y="164481"/>
                  </a:lnTo>
                  <a:lnTo>
                    <a:pt x="73152" y="156443"/>
                  </a:lnTo>
                  <a:cubicBezTo>
                    <a:pt x="74664" y="139667"/>
                    <a:pt x="86757" y="121895"/>
                    <a:pt x="110023" y="102133"/>
                  </a:cubicBezTo>
                  <a:cubicBezTo>
                    <a:pt x="126976" y="88059"/>
                    <a:pt x="144663" y="74889"/>
                    <a:pt x="163007" y="62681"/>
                  </a:cubicBezTo>
                  <a:lnTo>
                    <a:pt x="100584" y="0"/>
                  </a:lnTo>
                  <a:lnTo>
                    <a:pt x="100584" y="0"/>
                  </a:lnTo>
                  <a:lnTo>
                    <a:pt x="100105" y="258"/>
                  </a:lnTo>
                  <a:cubicBezTo>
                    <a:pt x="69800" y="17919"/>
                    <a:pt x="41704" y="39120"/>
                    <a:pt x="16408" y="63418"/>
                  </a:cubicBezTo>
                  <a:lnTo>
                    <a:pt x="16887" y="63897"/>
                  </a:lnTo>
                  <a:lnTo>
                    <a:pt x="16887" y="63897"/>
                  </a:lnTo>
                  <a:lnTo>
                    <a:pt x="26842" y="73742"/>
                  </a:lnTo>
                  <a:cubicBezTo>
                    <a:pt x="17290" y="83317"/>
                    <a:pt x="8326" y="93464"/>
                    <a:pt x="0" y="104124"/>
                  </a:cubicBezTo>
                  <a:lnTo>
                    <a:pt x="131003" y="235126"/>
                  </a:lnTo>
                  <a:lnTo>
                    <a:pt x="313182" y="235126"/>
                  </a:lnTo>
                  <a:lnTo>
                    <a:pt x="313182" y="213852"/>
                  </a:lnTo>
                  <a:close/>
                </a:path>
              </a:pathLst>
            </a:custGeom>
            <a:solidFill>
              <a:srgbClr val="F0AB00">
                <a:alpha val="40000"/>
              </a:srgbClr>
            </a:solidFill>
            <a:ln w="3687" cap="flat">
              <a:noFill/>
              <a:prstDash val="solid"/>
              <a:miter/>
            </a:ln>
          </p:spPr>
          <p:txBody>
            <a:bodyPr rtlCol="0" anchor="ctr"/>
            <a:lstStyle/>
            <a:p>
              <a:endParaRPr lang="en-US"/>
            </a:p>
          </p:txBody>
        </p:sp>
        <p:sp>
          <p:nvSpPr>
            <p:cNvPr id="34" name="Freeform 33">
              <a:extLst>
                <a:ext uri="{FF2B5EF4-FFF2-40B4-BE49-F238E27FC236}">
                  <a16:creationId xmlns:a16="http://schemas.microsoft.com/office/drawing/2014/main" id="{81B7AE67-5027-9745-BA24-14815589B1B9}"/>
                </a:ext>
              </a:extLst>
            </p:cNvPr>
            <p:cNvSpPr/>
            <p:nvPr/>
          </p:nvSpPr>
          <p:spPr>
            <a:xfrm>
              <a:off x="757959" y="2803607"/>
              <a:ext cx="372545" cy="515094"/>
            </a:xfrm>
            <a:custGeom>
              <a:avLst/>
              <a:gdLst>
                <a:gd name="connsiteX0" fmla="*/ 144792 w 372545"/>
                <a:gd name="connsiteY0" fmla="*/ 414805 h 515094"/>
                <a:gd name="connsiteX1" fmla="*/ 368230 w 372545"/>
                <a:gd name="connsiteY1" fmla="*/ 414805 h 515094"/>
                <a:gd name="connsiteX2" fmla="*/ 368230 w 372545"/>
                <a:gd name="connsiteY2" fmla="*/ 429554 h 515094"/>
                <a:gd name="connsiteX3" fmla="*/ 127500 w 372545"/>
                <a:gd name="connsiteY3" fmla="*/ 429554 h 515094"/>
                <a:gd name="connsiteX4" fmla="*/ 128200 w 372545"/>
                <a:gd name="connsiteY4" fmla="*/ 421516 h 515094"/>
                <a:gd name="connsiteX5" fmla="*/ 165071 w 372545"/>
                <a:gd name="connsiteY5" fmla="*/ 367205 h 515094"/>
                <a:gd name="connsiteX6" fmla="*/ 218055 w 372545"/>
                <a:gd name="connsiteY6" fmla="*/ 327753 h 515094"/>
                <a:gd name="connsiteX7" fmla="*/ 252197 w 372545"/>
                <a:gd name="connsiteY7" fmla="*/ 305630 h 515094"/>
                <a:gd name="connsiteX8" fmla="*/ 307909 w 372545"/>
                <a:gd name="connsiteY8" fmla="*/ 263487 h 515094"/>
                <a:gd name="connsiteX9" fmla="*/ 330880 w 372545"/>
                <a:gd name="connsiteY9" fmla="*/ 238193 h 515094"/>
                <a:gd name="connsiteX10" fmla="*/ 339877 w 372545"/>
                <a:gd name="connsiteY10" fmla="*/ 225067 h 515094"/>
                <a:gd name="connsiteX11" fmla="*/ 354183 w 372545"/>
                <a:gd name="connsiteY11" fmla="*/ 188676 h 515094"/>
                <a:gd name="connsiteX12" fmla="*/ 357796 w 372545"/>
                <a:gd name="connsiteY12" fmla="*/ 149998 h 515094"/>
                <a:gd name="connsiteX13" fmla="*/ 317238 w 372545"/>
                <a:gd name="connsiteY13" fmla="*/ 51258 h 515094"/>
                <a:gd name="connsiteX14" fmla="*/ 199509 w 372545"/>
                <a:gd name="connsiteY14" fmla="*/ 14755 h 515094"/>
                <a:gd name="connsiteX15" fmla="*/ 141548 w 372545"/>
                <a:gd name="connsiteY15" fmla="*/ 22129 h 515094"/>
                <a:gd name="connsiteX16" fmla="*/ 131998 w 372545"/>
                <a:gd name="connsiteY16" fmla="*/ 25079 h 515094"/>
                <a:gd name="connsiteX17" fmla="*/ 130818 w 372545"/>
                <a:gd name="connsiteY17" fmla="*/ 25485 h 515094"/>
                <a:gd name="connsiteX18" fmla="*/ 121895 w 372545"/>
                <a:gd name="connsiteY18" fmla="*/ 28766 h 515094"/>
                <a:gd name="connsiteX19" fmla="*/ 111645 w 372545"/>
                <a:gd name="connsiteY19" fmla="*/ 33117 h 515094"/>
                <a:gd name="connsiteX20" fmla="*/ 92841 w 372545"/>
                <a:gd name="connsiteY20" fmla="*/ 42925 h 515094"/>
                <a:gd name="connsiteX21" fmla="*/ 52541 w 372545"/>
                <a:gd name="connsiteY21" fmla="*/ 75334 h 515094"/>
                <a:gd name="connsiteX22" fmla="*/ 22639 w 372545"/>
                <a:gd name="connsiteY22" fmla="*/ 112648 h 515094"/>
                <a:gd name="connsiteX23" fmla="*/ 86610 w 372545"/>
                <a:gd name="connsiteY23" fmla="*/ 157372 h 515094"/>
                <a:gd name="connsiteX24" fmla="*/ 134542 w 372545"/>
                <a:gd name="connsiteY24" fmla="*/ 109772 h 515094"/>
                <a:gd name="connsiteX25" fmla="*/ 173220 w 372545"/>
                <a:gd name="connsiteY25" fmla="*/ 93069 h 515094"/>
                <a:gd name="connsiteX26" fmla="*/ 184281 w 372545"/>
                <a:gd name="connsiteY26" fmla="*/ 91152 h 515094"/>
                <a:gd name="connsiteX27" fmla="*/ 196227 w 372545"/>
                <a:gd name="connsiteY27" fmla="*/ 90414 h 515094"/>
                <a:gd name="connsiteX28" fmla="*/ 249137 w 372545"/>
                <a:gd name="connsiteY28" fmla="*/ 108408 h 515094"/>
                <a:gd name="connsiteX29" fmla="*/ 239034 w 372545"/>
                <a:gd name="connsiteY29" fmla="*/ 118989 h 515094"/>
                <a:gd name="connsiteX30" fmla="*/ 239034 w 372545"/>
                <a:gd name="connsiteY30" fmla="*/ 118989 h 515094"/>
                <a:gd name="connsiteX31" fmla="*/ 196338 w 372545"/>
                <a:gd name="connsiteY31" fmla="*/ 105089 h 515094"/>
                <a:gd name="connsiteX32" fmla="*/ 142617 w 372545"/>
                <a:gd name="connsiteY32" fmla="*/ 122124 h 515094"/>
                <a:gd name="connsiteX33" fmla="*/ 94795 w 372545"/>
                <a:gd name="connsiteY33" fmla="*/ 171715 h 515094"/>
                <a:gd name="connsiteX34" fmla="*/ 90666 w 372545"/>
                <a:gd name="connsiteY34" fmla="*/ 178204 h 515094"/>
                <a:gd name="connsiteX35" fmla="*/ 2175 w 372545"/>
                <a:gd name="connsiteY35" fmla="*/ 116519 h 515094"/>
                <a:gd name="connsiteX36" fmla="*/ 6047 w 372545"/>
                <a:gd name="connsiteY36" fmla="*/ 110546 h 515094"/>
                <a:gd name="connsiteX37" fmla="*/ 41590 w 372545"/>
                <a:gd name="connsiteY37" fmla="*/ 65121 h 515094"/>
                <a:gd name="connsiteX38" fmla="*/ 84951 w 372545"/>
                <a:gd name="connsiteY38" fmla="*/ 30278 h 515094"/>
                <a:gd name="connsiteX39" fmla="*/ 137381 w 372545"/>
                <a:gd name="connsiteY39" fmla="*/ 7897 h 515094"/>
                <a:gd name="connsiteX40" fmla="*/ 199251 w 372545"/>
                <a:gd name="connsiteY40" fmla="*/ 7 h 515094"/>
                <a:gd name="connsiteX41" fmla="*/ 326787 w 372545"/>
                <a:gd name="connsiteY41" fmla="*/ 40270 h 515094"/>
                <a:gd name="connsiteX42" fmla="*/ 372544 w 372545"/>
                <a:gd name="connsiteY42" fmla="*/ 149998 h 515094"/>
                <a:gd name="connsiteX43" fmla="*/ 368857 w 372545"/>
                <a:gd name="connsiteY43" fmla="*/ 191330 h 515094"/>
                <a:gd name="connsiteX44" fmla="*/ 352708 w 372545"/>
                <a:gd name="connsiteY44" fmla="*/ 232626 h 515094"/>
                <a:gd name="connsiteX45" fmla="*/ 318233 w 372545"/>
                <a:gd name="connsiteY45" fmla="*/ 274179 h 515094"/>
                <a:gd name="connsiteX46" fmla="*/ 260272 w 372545"/>
                <a:gd name="connsiteY46" fmla="*/ 318093 h 515094"/>
                <a:gd name="connsiteX47" fmla="*/ 174842 w 372545"/>
                <a:gd name="connsiteY47" fmla="*/ 378450 h 515094"/>
                <a:gd name="connsiteX48" fmla="*/ 144792 w 372545"/>
                <a:gd name="connsiteY48" fmla="*/ 414805 h 515094"/>
                <a:gd name="connsiteX49" fmla="*/ 186051 w 372545"/>
                <a:gd name="connsiteY49" fmla="*/ 500346 h 515094"/>
                <a:gd name="connsiteX50" fmla="*/ 14601 w 372545"/>
                <a:gd name="connsiteY50" fmla="*/ 500346 h 515094"/>
                <a:gd name="connsiteX51" fmla="*/ 14601 w 372545"/>
                <a:gd name="connsiteY51" fmla="*/ 496991 h 515094"/>
                <a:gd name="connsiteX52" fmla="*/ 19210 w 372545"/>
                <a:gd name="connsiteY52" fmla="*/ 445003 h 515094"/>
                <a:gd name="connsiteX53" fmla="*/ 38604 w 372545"/>
                <a:gd name="connsiteY53" fmla="*/ 393641 h 515094"/>
                <a:gd name="connsiteX54" fmla="*/ 55048 w 372545"/>
                <a:gd name="connsiteY54" fmla="*/ 369343 h 515094"/>
                <a:gd name="connsiteX55" fmla="*/ 55048 w 372545"/>
                <a:gd name="connsiteY55" fmla="*/ 369343 h 515094"/>
                <a:gd name="connsiteX56" fmla="*/ 81890 w 372545"/>
                <a:gd name="connsiteY56" fmla="*/ 338814 h 515094"/>
                <a:gd name="connsiteX57" fmla="*/ 71898 w 372545"/>
                <a:gd name="connsiteY57" fmla="*/ 328859 h 515094"/>
                <a:gd name="connsiteX58" fmla="*/ 71419 w 372545"/>
                <a:gd name="connsiteY58" fmla="*/ 328417 h 515094"/>
                <a:gd name="connsiteX59" fmla="*/ 25957 w 372545"/>
                <a:gd name="connsiteY59" fmla="*/ 386304 h 515094"/>
                <a:gd name="connsiteX60" fmla="*/ 4830 w 372545"/>
                <a:gd name="connsiteY60" fmla="*/ 442458 h 515094"/>
                <a:gd name="connsiteX61" fmla="*/ 0 w 372545"/>
                <a:gd name="connsiteY61" fmla="*/ 496991 h 515094"/>
                <a:gd name="connsiteX62" fmla="*/ 0 w 372545"/>
                <a:gd name="connsiteY62" fmla="*/ 515094 h 515094"/>
                <a:gd name="connsiteX63" fmla="*/ 368378 w 372545"/>
                <a:gd name="connsiteY63" fmla="*/ 515094 h 515094"/>
                <a:gd name="connsiteX64" fmla="*/ 368378 w 372545"/>
                <a:gd name="connsiteY64" fmla="*/ 500346 h 5150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372545" h="515094">
                  <a:moveTo>
                    <a:pt x="144792" y="414805"/>
                  </a:moveTo>
                  <a:lnTo>
                    <a:pt x="368230" y="414805"/>
                  </a:lnTo>
                  <a:lnTo>
                    <a:pt x="368230" y="429554"/>
                  </a:lnTo>
                  <a:lnTo>
                    <a:pt x="127500" y="429554"/>
                  </a:lnTo>
                  <a:lnTo>
                    <a:pt x="128200" y="421516"/>
                  </a:lnTo>
                  <a:cubicBezTo>
                    <a:pt x="129712" y="404740"/>
                    <a:pt x="141806" y="386968"/>
                    <a:pt x="165071" y="367205"/>
                  </a:cubicBezTo>
                  <a:cubicBezTo>
                    <a:pt x="182025" y="353131"/>
                    <a:pt x="199712" y="339961"/>
                    <a:pt x="218055" y="327753"/>
                  </a:cubicBezTo>
                  <a:cubicBezTo>
                    <a:pt x="228674" y="320574"/>
                    <a:pt x="240056" y="313200"/>
                    <a:pt x="252197" y="305630"/>
                  </a:cubicBezTo>
                  <a:cubicBezTo>
                    <a:pt x="272038" y="293345"/>
                    <a:pt x="290691" y="279234"/>
                    <a:pt x="307909" y="263487"/>
                  </a:cubicBezTo>
                  <a:cubicBezTo>
                    <a:pt x="316228" y="255681"/>
                    <a:pt x="323911" y="247223"/>
                    <a:pt x="330880" y="238193"/>
                  </a:cubicBezTo>
                  <a:cubicBezTo>
                    <a:pt x="334128" y="233994"/>
                    <a:pt x="337130" y="229610"/>
                    <a:pt x="339877" y="225067"/>
                  </a:cubicBezTo>
                  <a:cubicBezTo>
                    <a:pt x="346768" y="213884"/>
                    <a:pt x="351613" y="201558"/>
                    <a:pt x="354183" y="188676"/>
                  </a:cubicBezTo>
                  <a:cubicBezTo>
                    <a:pt x="356557" y="175919"/>
                    <a:pt x="357766" y="162973"/>
                    <a:pt x="357796" y="149998"/>
                  </a:cubicBezTo>
                  <a:cubicBezTo>
                    <a:pt x="357796" y="108518"/>
                    <a:pt x="344190" y="75297"/>
                    <a:pt x="317238" y="51258"/>
                  </a:cubicBezTo>
                  <a:cubicBezTo>
                    <a:pt x="290285" y="27218"/>
                    <a:pt x="250501" y="14755"/>
                    <a:pt x="199509" y="14755"/>
                  </a:cubicBezTo>
                  <a:cubicBezTo>
                    <a:pt x="179945" y="14604"/>
                    <a:pt x="160451" y="17084"/>
                    <a:pt x="141548" y="22129"/>
                  </a:cubicBezTo>
                  <a:cubicBezTo>
                    <a:pt x="138303" y="23051"/>
                    <a:pt x="135132" y="24047"/>
                    <a:pt x="131998" y="25079"/>
                  </a:cubicBezTo>
                  <a:lnTo>
                    <a:pt x="130818" y="25485"/>
                  </a:lnTo>
                  <a:cubicBezTo>
                    <a:pt x="127795" y="26517"/>
                    <a:pt x="124845" y="27623"/>
                    <a:pt x="121895" y="28766"/>
                  </a:cubicBezTo>
                  <a:cubicBezTo>
                    <a:pt x="118946" y="29909"/>
                    <a:pt x="115001" y="31568"/>
                    <a:pt x="111645" y="33117"/>
                  </a:cubicBezTo>
                  <a:cubicBezTo>
                    <a:pt x="105193" y="36017"/>
                    <a:pt x="98913" y="39291"/>
                    <a:pt x="92841" y="42925"/>
                  </a:cubicBezTo>
                  <a:cubicBezTo>
                    <a:pt x="78054" y="51927"/>
                    <a:pt x="64507" y="62823"/>
                    <a:pt x="52541" y="75334"/>
                  </a:cubicBezTo>
                  <a:cubicBezTo>
                    <a:pt x="41542" y="86909"/>
                    <a:pt x="31539" y="99391"/>
                    <a:pt x="22639" y="112648"/>
                  </a:cubicBezTo>
                  <a:lnTo>
                    <a:pt x="86610" y="157372"/>
                  </a:lnTo>
                  <a:cubicBezTo>
                    <a:pt x="99238" y="138455"/>
                    <a:pt x="115539" y="122268"/>
                    <a:pt x="134542" y="109772"/>
                  </a:cubicBezTo>
                  <a:cubicBezTo>
                    <a:pt x="146385" y="102032"/>
                    <a:pt x="159467" y="96382"/>
                    <a:pt x="173220" y="93069"/>
                  </a:cubicBezTo>
                  <a:cubicBezTo>
                    <a:pt x="176870" y="92229"/>
                    <a:pt x="180561" y="91589"/>
                    <a:pt x="184281" y="91152"/>
                  </a:cubicBezTo>
                  <a:cubicBezTo>
                    <a:pt x="188245" y="90668"/>
                    <a:pt x="192234" y="90421"/>
                    <a:pt x="196227" y="90414"/>
                  </a:cubicBezTo>
                  <a:cubicBezTo>
                    <a:pt x="218829" y="90414"/>
                    <a:pt x="236785" y="96461"/>
                    <a:pt x="249137" y="108408"/>
                  </a:cubicBezTo>
                  <a:lnTo>
                    <a:pt x="239034" y="118989"/>
                  </a:lnTo>
                  <a:lnTo>
                    <a:pt x="239034" y="118989"/>
                  </a:lnTo>
                  <a:cubicBezTo>
                    <a:pt x="229374" y="109772"/>
                    <a:pt x="215031" y="105089"/>
                    <a:pt x="196338" y="105089"/>
                  </a:cubicBezTo>
                  <a:cubicBezTo>
                    <a:pt x="177165" y="105474"/>
                    <a:pt x="158508" y="111389"/>
                    <a:pt x="142617" y="122124"/>
                  </a:cubicBezTo>
                  <a:cubicBezTo>
                    <a:pt x="123245" y="134964"/>
                    <a:pt x="106922" y="151891"/>
                    <a:pt x="94795" y="171715"/>
                  </a:cubicBezTo>
                  <a:lnTo>
                    <a:pt x="90666" y="178204"/>
                  </a:lnTo>
                  <a:lnTo>
                    <a:pt x="2175" y="116519"/>
                  </a:lnTo>
                  <a:lnTo>
                    <a:pt x="6047" y="110546"/>
                  </a:lnTo>
                  <a:cubicBezTo>
                    <a:pt x="16412" y="94301"/>
                    <a:pt x="28315" y="79089"/>
                    <a:pt x="41590" y="65121"/>
                  </a:cubicBezTo>
                  <a:cubicBezTo>
                    <a:pt x="54462" y="51665"/>
                    <a:pt x="69039" y="39951"/>
                    <a:pt x="84951" y="30278"/>
                  </a:cubicBezTo>
                  <a:cubicBezTo>
                    <a:pt x="101318" y="20444"/>
                    <a:pt x="118960" y="12914"/>
                    <a:pt x="137381" y="7897"/>
                  </a:cubicBezTo>
                  <a:cubicBezTo>
                    <a:pt x="157557" y="2500"/>
                    <a:pt x="178367" y="-154"/>
                    <a:pt x="199251" y="7"/>
                  </a:cubicBezTo>
                  <a:cubicBezTo>
                    <a:pt x="253967" y="7"/>
                    <a:pt x="296885" y="13538"/>
                    <a:pt x="326787" y="40270"/>
                  </a:cubicBezTo>
                  <a:cubicBezTo>
                    <a:pt x="356690" y="67001"/>
                    <a:pt x="372544" y="104167"/>
                    <a:pt x="372544" y="149998"/>
                  </a:cubicBezTo>
                  <a:cubicBezTo>
                    <a:pt x="372581" y="163859"/>
                    <a:pt x="371350" y="177695"/>
                    <a:pt x="368857" y="191330"/>
                  </a:cubicBezTo>
                  <a:cubicBezTo>
                    <a:pt x="365989" y="205950"/>
                    <a:pt x="360521" y="219939"/>
                    <a:pt x="352708" y="232626"/>
                  </a:cubicBezTo>
                  <a:cubicBezTo>
                    <a:pt x="343136" y="247964"/>
                    <a:pt x="331540" y="261942"/>
                    <a:pt x="318233" y="274179"/>
                  </a:cubicBezTo>
                  <a:cubicBezTo>
                    <a:pt x="300318" y="290587"/>
                    <a:pt x="280916" y="305287"/>
                    <a:pt x="260272" y="318093"/>
                  </a:cubicBezTo>
                  <a:cubicBezTo>
                    <a:pt x="230429" y="336204"/>
                    <a:pt x="201883" y="356372"/>
                    <a:pt x="174842" y="378450"/>
                  </a:cubicBezTo>
                  <a:cubicBezTo>
                    <a:pt x="158693" y="391872"/>
                    <a:pt x="148811" y="404076"/>
                    <a:pt x="144792" y="414805"/>
                  </a:cubicBezTo>
                  <a:close/>
                  <a:moveTo>
                    <a:pt x="186051" y="500346"/>
                  </a:moveTo>
                  <a:lnTo>
                    <a:pt x="14601" y="500346"/>
                  </a:lnTo>
                  <a:lnTo>
                    <a:pt x="14601" y="496991"/>
                  </a:lnTo>
                  <a:cubicBezTo>
                    <a:pt x="14616" y="479562"/>
                    <a:pt x="16158" y="462162"/>
                    <a:pt x="19210" y="445003"/>
                  </a:cubicBezTo>
                  <a:cubicBezTo>
                    <a:pt x="22644" y="426888"/>
                    <a:pt x="29207" y="409507"/>
                    <a:pt x="38604" y="393641"/>
                  </a:cubicBezTo>
                  <a:cubicBezTo>
                    <a:pt x="43532" y="385179"/>
                    <a:pt x="49026" y="377064"/>
                    <a:pt x="55048" y="369343"/>
                  </a:cubicBezTo>
                  <a:lnTo>
                    <a:pt x="55048" y="369343"/>
                  </a:lnTo>
                  <a:cubicBezTo>
                    <a:pt x="63369" y="358632"/>
                    <a:pt x="72333" y="348438"/>
                    <a:pt x="81890" y="338814"/>
                  </a:cubicBezTo>
                  <a:lnTo>
                    <a:pt x="71898" y="328859"/>
                  </a:lnTo>
                  <a:lnTo>
                    <a:pt x="71419" y="328417"/>
                  </a:lnTo>
                  <a:cubicBezTo>
                    <a:pt x="53848" y="345687"/>
                    <a:pt x="38569" y="365140"/>
                    <a:pt x="25957" y="386304"/>
                  </a:cubicBezTo>
                  <a:cubicBezTo>
                    <a:pt x="15716" y="403655"/>
                    <a:pt x="8567" y="422659"/>
                    <a:pt x="4830" y="442458"/>
                  </a:cubicBezTo>
                  <a:cubicBezTo>
                    <a:pt x="1630" y="460459"/>
                    <a:pt x="14" y="478706"/>
                    <a:pt x="0" y="496991"/>
                  </a:cubicBezTo>
                  <a:lnTo>
                    <a:pt x="0" y="515094"/>
                  </a:lnTo>
                  <a:lnTo>
                    <a:pt x="368378" y="515094"/>
                  </a:lnTo>
                  <a:lnTo>
                    <a:pt x="368378" y="500346"/>
                  </a:lnTo>
                  <a:close/>
                </a:path>
              </a:pathLst>
            </a:custGeom>
            <a:solidFill>
              <a:schemeClr val="tx1"/>
            </a:solidFill>
            <a:ln w="3687" cap="flat">
              <a:noFill/>
              <a:prstDash val="solid"/>
              <a:miter/>
            </a:ln>
          </p:spPr>
          <p:txBody>
            <a:bodyPr rtlCol="0" anchor="ctr"/>
            <a:lstStyle/>
            <a:p>
              <a:endParaRPr lang="en-US"/>
            </a:p>
          </p:txBody>
        </p:sp>
      </p:grpSp>
      <p:cxnSp>
        <p:nvCxnSpPr>
          <p:cNvPr id="7" name="Straight Connector 6" descr="Straight line">
            <a:extLst>
              <a:ext uri="{FF2B5EF4-FFF2-40B4-BE49-F238E27FC236}">
                <a16:creationId xmlns:a16="http://schemas.microsoft.com/office/drawing/2014/main" id="{AABC31F4-B2CF-684C-AB8A-ECE0FCCF854C}"/>
              </a:ext>
            </a:extLst>
          </p:cNvPr>
          <p:cNvCxnSpPr>
            <a:cxnSpLocks/>
          </p:cNvCxnSpPr>
          <p:nvPr/>
        </p:nvCxnSpPr>
        <p:spPr>
          <a:xfrm>
            <a:off x="488951" y="2426646"/>
            <a:ext cx="5760000" cy="0"/>
          </a:xfrm>
          <a:prstGeom prst="line">
            <a:avLst/>
          </a:prstGeom>
          <a:ln w="19050" cap="rnd">
            <a:solidFill>
              <a:schemeClr val="tx1"/>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B43FB1E2-2A51-9E49-96FF-CCFD6C6CA0D7}"/>
              </a:ext>
            </a:extLst>
          </p:cNvPr>
          <p:cNvSpPr txBox="1"/>
          <p:nvPr/>
        </p:nvSpPr>
        <p:spPr>
          <a:xfrm>
            <a:off x="1403349" y="1511991"/>
            <a:ext cx="6285602" cy="630942"/>
          </a:xfrm>
          <a:prstGeom prst="rect">
            <a:avLst/>
          </a:prstGeom>
          <a:noFill/>
        </p:spPr>
        <p:txBody>
          <a:bodyPr wrap="square" lIns="0" tIns="0" rIns="0" bIns="0" rtlCol="0">
            <a:spAutoFit/>
          </a:bodyPr>
          <a:lstStyle/>
          <a:p>
            <a:r>
              <a:rPr lang="en-US" sz="2000" b="1"/>
              <a:t>Introduction</a:t>
            </a:r>
          </a:p>
          <a:p>
            <a:r>
              <a:rPr lang="en-US" sz="2000"/>
              <a:t>Motivation, Project Goal</a:t>
            </a:r>
          </a:p>
        </p:txBody>
      </p:sp>
      <p:grpSp>
        <p:nvGrpSpPr>
          <p:cNvPr id="35" name="Group 34" descr="Number 1">
            <a:extLst>
              <a:ext uri="{FF2B5EF4-FFF2-40B4-BE49-F238E27FC236}">
                <a16:creationId xmlns:a16="http://schemas.microsoft.com/office/drawing/2014/main" id="{4F262F4A-1516-104A-BE92-6C800A0FFB29}"/>
              </a:ext>
              <a:ext uri="{C183D7F6-B498-43B3-948B-1728B52AA6E4}">
                <adec:decorative xmlns:adec="http://schemas.microsoft.com/office/drawing/2017/decorative" val="0"/>
              </a:ext>
            </a:extLst>
          </p:cNvPr>
          <p:cNvGrpSpPr/>
          <p:nvPr/>
        </p:nvGrpSpPr>
        <p:grpSpPr>
          <a:xfrm>
            <a:off x="767441" y="1435547"/>
            <a:ext cx="468000" cy="720000"/>
            <a:chOff x="802684" y="1581510"/>
            <a:chExt cx="284053" cy="506017"/>
          </a:xfrm>
          <a:effectLst>
            <a:outerShdw blurRad="50800" dist="38100" dir="5400000" algn="t" rotWithShape="0">
              <a:prstClr val="black">
                <a:alpha val="40000"/>
              </a:prstClr>
            </a:outerShdw>
          </a:effectLst>
        </p:grpSpPr>
        <p:sp>
          <p:nvSpPr>
            <p:cNvPr id="24" name="Freeform 23">
              <a:extLst>
                <a:ext uri="{FF2B5EF4-FFF2-40B4-BE49-F238E27FC236}">
                  <a16:creationId xmlns:a16="http://schemas.microsoft.com/office/drawing/2014/main" id="{BA4C3D18-C161-E643-A16C-FE625E1D717A}"/>
                </a:ext>
              </a:extLst>
            </p:cNvPr>
            <p:cNvSpPr/>
            <p:nvPr/>
          </p:nvSpPr>
          <p:spPr>
            <a:xfrm>
              <a:off x="808767" y="1596185"/>
              <a:ext cx="263221" cy="476594"/>
            </a:xfrm>
            <a:custGeom>
              <a:avLst/>
              <a:gdLst>
                <a:gd name="connsiteX0" fmla="*/ 263222 w 263221"/>
                <a:gd name="connsiteY0" fmla="*/ 405802 h 476594"/>
                <a:gd name="connsiteX1" fmla="*/ 193167 w 263221"/>
                <a:gd name="connsiteY1" fmla="*/ 405802 h 476594"/>
                <a:gd name="connsiteX2" fmla="*/ 193167 w 263221"/>
                <a:gd name="connsiteY2" fmla="*/ 0 h 476594"/>
                <a:gd name="connsiteX3" fmla="*/ 94353 w 263221"/>
                <a:gd name="connsiteY3" fmla="*/ 0 h 476594"/>
                <a:gd name="connsiteX4" fmla="*/ 8702 w 263221"/>
                <a:gd name="connsiteY4" fmla="*/ 32373 h 476594"/>
                <a:gd name="connsiteX5" fmla="*/ 8702 w 263221"/>
                <a:gd name="connsiteY5" fmla="*/ 105267 h 476594"/>
                <a:gd name="connsiteX6" fmla="*/ 9255 w 263221"/>
                <a:gd name="connsiteY6" fmla="*/ 105267 h 476594"/>
                <a:gd name="connsiteX7" fmla="*/ 44761 w 263221"/>
                <a:gd name="connsiteY7" fmla="*/ 99220 h 476594"/>
                <a:gd name="connsiteX8" fmla="*/ 85319 w 263221"/>
                <a:gd name="connsiteY8" fmla="*/ 84140 h 476594"/>
                <a:gd name="connsiteX9" fmla="*/ 96012 w 263221"/>
                <a:gd name="connsiteY9" fmla="*/ 78720 h 476594"/>
                <a:gd name="connsiteX10" fmla="*/ 96012 w 263221"/>
                <a:gd name="connsiteY10" fmla="*/ 105267 h 476594"/>
                <a:gd name="connsiteX11" fmla="*/ 96012 w 263221"/>
                <a:gd name="connsiteY11" fmla="*/ 105267 h 476594"/>
                <a:gd name="connsiteX12" fmla="*/ 96012 w 263221"/>
                <a:gd name="connsiteY12" fmla="*/ 405802 h 476594"/>
                <a:gd name="connsiteX13" fmla="*/ 0 w 263221"/>
                <a:gd name="connsiteY13" fmla="*/ 405802 h 476594"/>
                <a:gd name="connsiteX14" fmla="*/ 0 w 263221"/>
                <a:gd name="connsiteY14" fmla="*/ 476594 h 476594"/>
                <a:gd name="connsiteX15" fmla="*/ 263222 w 263221"/>
                <a:gd name="connsiteY15" fmla="*/ 476594 h 4765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63221" h="476594">
                  <a:moveTo>
                    <a:pt x="263222" y="405802"/>
                  </a:moveTo>
                  <a:lnTo>
                    <a:pt x="193167" y="405802"/>
                  </a:lnTo>
                  <a:lnTo>
                    <a:pt x="193167" y="0"/>
                  </a:lnTo>
                  <a:lnTo>
                    <a:pt x="94353" y="0"/>
                  </a:lnTo>
                  <a:cubicBezTo>
                    <a:pt x="73410" y="19136"/>
                    <a:pt x="44651" y="30013"/>
                    <a:pt x="8702" y="32373"/>
                  </a:cubicBezTo>
                  <a:lnTo>
                    <a:pt x="8702" y="105267"/>
                  </a:lnTo>
                  <a:lnTo>
                    <a:pt x="9255" y="105267"/>
                  </a:lnTo>
                  <a:cubicBezTo>
                    <a:pt x="21264" y="104456"/>
                    <a:pt x="33161" y="102430"/>
                    <a:pt x="44761" y="99220"/>
                  </a:cubicBezTo>
                  <a:cubicBezTo>
                    <a:pt x="58747" y="95553"/>
                    <a:pt x="72333" y="90502"/>
                    <a:pt x="85319" y="84140"/>
                  </a:cubicBezTo>
                  <a:lnTo>
                    <a:pt x="96012" y="78720"/>
                  </a:lnTo>
                  <a:lnTo>
                    <a:pt x="96012" y="105267"/>
                  </a:lnTo>
                  <a:lnTo>
                    <a:pt x="96012" y="105267"/>
                  </a:lnTo>
                  <a:lnTo>
                    <a:pt x="96012" y="405802"/>
                  </a:lnTo>
                  <a:lnTo>
                    <a:pt x="0" y="405802"/>
                  </a:lnTo>
                  <a:lnTo>
                    <a:pt x="0" y="476594"/>
                  </a:lnTo>
                  <a:lnTo>
                    <a:pt x="263222" y="476594"/>
                  </a:lnTo>
                  <a:close/>
                </a:path>
              </a:pathLst>
            </a:custGeom>
            <a:solidFill>
              <a:srgbClr val="008FD3"/>
            </a:solidFill>
            <a:ln w="3687" cap="flat">
              <a:noFill/>
              <a:prstDash val="solid"/>
              <a:miter/>
            </a:ln>
          </p:spPr>
          <p:txBody>
            <a:bodyPr rtlCol="0" anchor="ctr"/>
            <a:lstStyle/>
            <a:p>
              <a:endParaRPr lang="en-US"/>
            </a:p>
          </p:txBody>
        </p:sp>
        <p:sp>
          <p:nvSpPr>
            <p:cNvPr id="25" name="Freeform 24">
              <a:extLst>
                <a:ext uri="{FF2B5EF4-FFF2-40B4-BE49-F238E27FC236}">
                  <a16:creationId xmlns:a16="http://schemas.microsoft.com/office/drawing/2014/main" id="{B5B2AE32-41BC-C040-9A04-01B943941A3C}"/>
                </a:ext>
              </a:extLst>
            </p:cNvPr>
            <p:cNvSpPr/>
            <p:nvPr/>
          </p:nvSpPr>
          <p:spPr>
            <a:xfrm>
              <a:off x="817432" y="1596185"/>
              <a:ext cx="184281" cy="105266"/>
            </a:xfrm>
            <a:custGeom>
              <a:avLst/>
              <a:gdLst>
                <a:gd name="connsiteX0" fmla="*/ 0 w 184281"/>
                <a:gd name="connsiteY0" fmla="*/ 32446 h 105266"/>
                <a:gd name="connsiteX1" fmla="*/ 0 w 184281"/>
                <a:gd name="connsiteY1" fmla="*/ 105267 h 105266"/>
                <a:gd name="connsiteX2" fmla="*/ 553 w 184281"/>
                <a:gd name="connsiteY2" fmla="*/ 105267 h 105266"/>
                <a:gd name="connsiteX3" fmla="*/ 36060 w 184281"/>
                <a:gd name="connsiteY3" fmla="*/ 99220 h 105266"/>
                <a:gd name="connsiteX4" fmla="*/ 76618 w 184281"/>
                <a:gd name="connsiteY4" fmla="*/ 84140 h 105266"/>
                <a:gd name="connsiteX5" fmla="*/ 87310 w 184281"/>
                <a:gd name="connsiteY5" fmla="*/ 78720 h 105266"/>
                <a:gd name="connsiteX6" fmla="*/ 87310 w 184281"/>
                <a:gd name="connsiteY6" fmla="*/ 105267 h 105266"/>
                <a:gd name="connsiteX7" fmla="*/ 184281 w 184281"/>
                <a:gd name="connsiteY7" fmla="*/ 105267 h 105266"/>
                <a:gd name="connsiteX8" fmla="*/ 184281 w 184281"/>
                <a:gd name="connsiteY8" fmla="*/ 0 h 105266"/>
                <a:gd name="connsiteX9" fmla="*/ 85467 w 184281"/>
                <a:gd name="connsiteY9" fmla="*/ 0 h 105266"/>
                <a:gd name="connsiteX10" fmla="*/ 0 w 184281"/>
                <a:gd name="connsiteY10" fmla="*/ 32446 h 1052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4281" h="105266">
                  <a:moveTo>
                    <a:pt x="0" y="32446"/>
                  </a:moveTo>
                  <a:lnTo>
                    <a:pt x="0" y="105267"/>
                  </a:lnTo>
                  <a:lnTo>
                    <a:pt x="553" y="105267"/>
                  </a:lnTo>
                  <a:cubicBezTo>
                    <a:pt x="12563" y="104456"/>
                    <a:pt x="24459" y="102430"/>
                    <a:pt x="36060" y="99220"/>
                  </a:cubicBezTo>
                  <a:cubicBezTo>
                    <a:pt x="50045" y="95553"/>
                    <a:pt x="63632" y="90502"/>
                    <a:pt x="76618" y="84140"/>
                  </a:cubicBezTo>
                  <a:lnTo>
                    <a:pt x="87310" y="78720"/>
                  </a:lnTo>
                  <a:lnTo>
                    <a:pt x="87310" y="105267"/>
                  </a:lnTo>
                  <a:lnTo>
                    <a:pt x="184281" y="105267"/>
                  </a:lnTo>
                  <a:lnTo>
                    <a:pt x="184281" y="0"/>
                  </a:lnTo>
                  <a:lnTo>
                    <a:pt x="85467" y="0"/>
                  </a:lnTo>
                  <a:cubicBezTo>
                    <a:pt x="64709" y="19210"/>
                    <a:pt x="35949" y="30087"/>
                    <a:pt x="0" y="32446"/>
                  </a:cubicBezTo>
                  <a:close/>
                </a:path>
              </a:pathLst>
            </a:custGeom>
            <a:solidFill>
              <a:srgbClr val="F0AB00"/>
            </a:solidFill>
            <a:ln w="3687" cap="flat">
              <a:noFill/>
              <a:prstDash val="solid"/>
              <a:miter/>
            </a:ln>
          </p:spPr>
          <p:txBody>
            <a:bodyPr rtlCol="0" anchor="ctr"/>
            <a:lstStyle/>
            <a:p>
              <a:endParaRPr lang="en-US"/>
            </a:p>
          </p:txBody>
        </p:sp>
        <p:sp>
          <p:nvSpPr>
            <p:cNvPr id="26" name="Freeform 25">
              <a:extLst>
                <a:ext uri="{FF2B5EF4-FFF2-40B4-BE49-F238E27FC236}">
                  <a16:creationId xmlns:a16="http://schemas.microsoft.com/office/drawing/2014/main" id="{3045D9B0-DE64-2643-B030-934272DE080F}"/>
                </a:ext>
              </a:extLst>
            </p:cNvPr>
            <p:cNvSpPr/>
            <p:nvPr/>
          </p:nvSpPr>
          <p:spPr>
            <a:xfrm>
              <a:off x="904927" y="1701451"/>
              <a:ext cx="96970" cy="130043"/>
            </a:xfrm>
            <a:custGeom>
              <a:avLst/>
              <a:gdLst>
                <a:gd name="connsiteX0" fmla="*/ 0 w 96970"/>
                <a:gd name="connsiteY0" fmla="*/ 0 h 130043"/>
                <a:gd name="connsiteX1" fmla="*/ 96971 w 96970"/>
                <a:gd name="connsiteY1" fmla="*/ 0 h 130043"/>
                <a:gd name="connsiteX2" fmla="*/ 96971 w 96970"/>
                <a:gd name="connsiteY2" fmla="*/ 130044 h 130043"/>
                <a:gd name="connsiteX3" fmla="*/ 0 w 96970"/>
                <a:gd name="connsiteY3" fmla="*/ 130044 h 130043"/>
              </a:gdLst>
              <a:ahLst/>
              <a:cxnLst>
                <a:cxn ang="0">
                  <a:pos x="connsiteX0" y="connsiteY0"/>
                </a:cxn>
                <a:cxn ang="0">
                  <a:pos x="connsiteX1" y="connsiteY1"/>
                </a:cxn>
                <a:cxn ang="0">
                  <a:pos x="connsiteX2" y="connsiteY2"/>
                </a:cxn>
                <a:cxn ang="0">
                  <a:pos x="connsiteX3" y="connsiteY3"/>
                </a:cxn>
              </a:cxnLst>
              <a:rect l="l" t="t" r="r" b="b"/>
              <a:pathLst>
                <a:path w="96970" h="130043">
                  <a:moveTo>
                    <a:pt x="0" y="0"/>
                  </a:moveTo>
                  <a:lnTo>
                    <a:pt x="96971" y="0"/>
                  </a:lnTo>
                  <a:lnTo>
                    <a:pt x="96971" y="130044"/>
                  </a:lnTo>
                  <a:lnTo>
                    <a:pt x="0" y="130044"/>
                  </a:lnTo>
                  <a:close/>
                </a:path>
              </a:pathLst>
            </a:custGeom>
            <a:solidFill>
              <a:srgbClr val="F0AB00">
                <a:alpha val="70000"/>
              </a:srgbClr>
            </a:solidFill>
            <a:ln w="3687" cap="flat">
              <a:noFill/>
              <a:prstDash val="solid"/>
              <a:miter/>
            </a:ln>
          </p:spPr>
          <p:txBody>
            <a:bodyPr rtlCol="0" anchor="ctr"/>
            <a:lstStyle/>
            <a:p>
              <a:endParaRPr lang="en-US"/>
            </a:p>
          </p:txBody>
        </p:sp>
        <p:sp>
          <p:nvSpPr>
            <p:cNvPr id="27" name="Freeform 26">
              <a:extLst>
                <a:ext uri="{FF2B5EF4-FFF2-40B4-BE49-F238E27FC236}">
                  <a16:creationId xmlns:a16="http://schemas.microsoft.com/office/drawing/2014/main" id="{0741C8D5-396E-D647-96F8-1ADB2E05361C}"/>
                </a:ext>
              </a:extLst>
            </p:cNvPr>
            <p:cNvSpPr/>
            <p:nvPr/>
          </p:nvSpPr>
          <p:spPr>
            <a:xfrm>
              <a:off x="904927" y="1831495"/>
              <a:ext cx="96970" cy="130043"/>
            </a:xfrm>
            <a:custGeom>
              <a:avLst/>
              <a:gdLst>
                <a:gd name="connsiteX0" fmla="*/ 0 w 96970"/>
                <a:gd name="connsiteY0" fmla="*/ 0 h 130043"/>
                <a:gd name="connsiteX1" fmla="*/ 96971 w 96970"/>
                <a:gd name="connsiteY1" fmla="*/ 0 h 130043"/>
                <a:gd name="connsiteX2" fmla="*/ 96971 w 96970"/>
                <a:gd name="connsiteY2" fmla="*/ 130044 h 130043"/>
                <a:gd name="connsiteX3" fmla="*/ 0 w 96970"/>
                <a:gd name="connsiteY3" fmla="*/ 130044 h 130043"/>
              </a:gdLst>
              <a:ahLst/>
              <a:cxnLst>
                <a:cxn ang="0">
                  <a:pos x="connsiteX0" y="connsiteY0"/>
                </a:cxn>
                <a:cxn ang="0">
                  <a:pos x="connsiteX1" y="connsiteY1"/>
                </a:cxn>
                <a:cxn ang="0">
                  <a:pos x="connsiteX2" y="connsiteY2"/>
                </a:cxn>
                <a:cxn ang="0">
                  <a:pos x="connsiteX3" y="connsiteY3"/>
                </a:cxn>
              </a:cxnLst>
              <a:rect l="l" t="t" r="r" b="b"/>
              <a:pathLst>
                <a:path w="96970" h="130043">
                  <a:moveTo>
                    <a:pt x="0" y="0"/>
                  </a:moveTo>
                  <a:lnTo>
                    <a:pt x="96971" y="0"/>
                  </a:lnTo>
                  <a:lnTo>
                    <a:pt x="96971" y="130044"/>
                  </a:lnTo>
                  <a:lnTo>
                    <a:pt x="0" y="130044"/>
                  </a:lnTo>
                  <a:close/>
                </a:path>
              </a:pathLst>
            </a:custGeom>
            <a:solidFill>
              <a:srgbClr val="F0AB00">
                <a:alpha val="40000"/>
              </a:srgbClr>
            </a:solidFill>
            <a:ln w="3687" cap="flat">
              <a:noFill/>
              <a:prstDash val="solid"/>
              <a:miter/>
            </a:ln>
          </p:spPr>
          <p:txBody>
            <a:bodyPr rtlCol="0" anchor="ctr"/>
            <a:lstStyle/>
            <a:p>
              <a:endParaRPr lang="en-US"/>
            </a:p>
          </p:txBody>
        </p:sp>
        <p:sp>
          <p:nvSpPr>
            <p:cNvPr id="28" name="Freeform 27">
              <a:extLst>
                <a:ext uri="{FF2B5EF4-FFF2-40B4-BE49-F238E27FC236}">
                  <a16:creationId xmlns:a16="http://schemas.microsoft.com/office/drawing/2014/main" id="{B9B3282D-9224-CE4D-AA8E-F24204473150}"/>
                </a:ext>
              </a:extLst>
            </p:cNvPr>
            <p:cNvSpPr/>
            <p:nvPr/>
          </p:nvSpPr>
          <p:spPr>
            <a:xfrm>
              <a:off x="802684" y="1581510"/>
              <a:ext cx="284053" cy="506017"/>
            </a:xfrm>
            <a:custGeom>
              <a:avLst/>
              <a:gdLst>
                <a:gd name="connsiteX0" fmla="*/ 102243 w 284053"/>
                <a:gd name="connsiteY0" fmla="*/ 420477 h 506017"/>
                <a:gd name="connsiteX1" fmla="*/ 6084 w 284053"/>
                <a:gd name="connsiteY1" fmla="*/ 420477 h 506017"/>
                <a:gd name="connsiteX2" fmla="*/ 6084 w 284053"/>
                <a:gd name="connsiteY2" fmla="*/ 405728 h 506017"/>
                <a:gd name="connsiteX3" fmla="*/ 87495 w 284053"/>
                <a:gd name="connsiteY3" fmla="*/ 405728 h 506017"/>
                <a:gd name="connsiteX4" fmla="*/ 87495 w 284053"/>
                <a:gd name="connsiteY4" fmla="*/ 116918 h 506017"/>
                <a:gd name="connsiteX5" fmla="*/ 54680 w 284053"/>
                <a:gd name="connsiteY5" fmla="*/ 127979 h 506017"/>
                <a:gd name="connsiteX6" fmla="*/ 7374 w 284053"/>
                <a:gd name="connsiteY6" fmla="*/ 134800 h 506017"/>
                <a:gd name="connsiteX7" fmla="*/ 0 w 284053"/>
                <a:gd name="connsiteY7" fmla="*/ 134800 h 506017"/>
                <a:gd name="connsiteX8" fmla="*/ 0 w 284053"/>
                <a:gd name="connsiteY8" fmla="*/ 33110 h 506017"/>
                <a:gd name="connsiteX9" fmla="*/ 7042 w 284053"/>
                <a:gd name="connsiteY9" fmla="*/ 32705 h 506017"/>
                <a:gd name="connsiteX10" fmla="*/ 92251 w 284053"/>
                <a:gd name="connsiteY10" fmla="*/ 2065 h 506017"/>
                <a:gd name="connsiteX11" fmla="*/ 94390 w 284053"/>
                <a:gd name="connsiteY11" fmla="*/ 0 h 506017"/>
                <a:gd name="connsiteX12" fmla="*/ 199140 w 284053"/>
                <a:gd name="connsiteY12" fmla="*/ 0 h 506017"/>
                <a:gd name="connsiteX13" fmla="*/ 199140 w 284053"/>
                <a:gd name="connsiteY13" fmla="*/ 14748 h 506017"/>
                <a:gd name="connsiteX14" fmla="*/ 100326 w 284053"/>
                <a:gd name="connsiteY14" fmla="*/ 14748 h 506017"/>
                <a:gd name="connsiteX15" fmla="*/ 14675 w 284053"/>
                <a:gd name="connsiteY15" fmla="*/ 47121 h 506017"/>
                <a:gd name="connsiteX16" fmla="*/ 14675 w 284053"/>
                <a:gd name="connsiteY16" fmla="*/ 120015 h 506017"/>
                <a:gd name="connsiteX17" fmla="*/ 15228 w 284053"/>
                <a:gd name="connsiteY17" fmla="*/ 120015 h 506017"/>
                <a:gd name="connsiteX18" fmla="*/ 50734 w 284053"/>
                <a:gd name="connsiteY18" fmla="*/ 113968 h 506017"/>
                <a:gd name="connsiteX19" fmla="*/ 91293 w 284053"/>
                <a:gd name="connsiteY19" fmla="*/ 98888 h 506017"/>
                <a:gd name="connsiteX20" fmla="*/ 101985 w 284053"/>
                <a:gd name="connsiteY20" fmla="*/ 93468 h 506017"/>
                <a:gd name="connsiteX21" fmla="*/ 101985 w 284053"/>
                <a:gd name="connsiteY21" fmla="*/ 120015 h 506017"/>
                <a:gd name="connsiteX22" fmla="*/ 101985 w 284053"/>
                <a:gd name="connsiteY22" fmla="*/ 120015 h 506017"/>
                <a:gd name="connsiteX23" fmla="*/ 101985 w 284053"/>
                <a:gd name="connsiteY23" fmla="*/ 420550 h 506017"/>
                <a:gd name="connsiteX24" fmla="*/ 199214 w 284053"/>
                <a:gd name="connsiteY24" fmla="*/ 405728 h 506017"/>
                <a:gd name="connsiteX25" fmla="*/ 199214 w 284053"/>
                <a:gd name="connsiteY25" fmla="*/ 420477 h 506017"/>
                <a:gd name="connsiteX26" fmla="*/ 269269 w 284053"/>
                <a:gd name="connsiteY26" fmla="*/ 420477 h 506017"/>
                <a:gd name="connsiteX27" fmla="*/ 269269 w 284053"/>
                <a:gd name="connsiteY27" fmla="*/ 491269 h 506017"/>
                <a:gd name="connsiteX28" fmla="*/ 6084 w 284053"/>
                <a:gd name="connsiteY28" fmla="*/ 491269 h 506017"/>
                <a:gd name="connsiteX29" fmla="*/ 6084 w 284053"/>
                <a:gd name="connsiteY29" fmla="*/ 506017 h 506017"/>
                <a:gd name="connsiteX30" fmla="*/ 284054 w 284053"/>
                <a:gd name="connsiteY30" fmla="*/ 506017 h 506017"/>
                <a:gd name="connsiteX31" fmla="*/ 284054 w 284053"/>
                <a:gd name="connsiteY31" fmla="*/ 405728 h 5060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284053" h="506017">
                  <a:moveTo>
                    <a:pt x="102243" y="420477"/>
                  </a:moveTo>
                  <a:lnTo>
                    <a:pt x="6084" y="420477"/>
                  </a:lnTo>
                  <a:lnTo>
                    <a:pt x="6084" y="405728"/>
                  </a:lnTo>
                  <a:lnTo>
                    <a:pt x="87495" y="405728"/>
                  </a:lnTo>
                  <a:lnTo>
                    <a:pt x="87495" y="116918"/>
                  </a:lnTo>
                  <a:cubicBezTo>
                    <a:pt x="76824" y="121352"/>
                    <a:pt x="65859" y="125048"/>
                    <a:pt x="54680" y="127979"/>
                  </a:cubicBezTo>
                  <a:cubicBezTo>
                    <a:pt x="39279" y="132320"/>
                    <a:pt x="23374" y="134613"/>
                    <a:pt x="7374" y="134800"/>
                  </a:cubicBezTo>
                  <a:lnTo>
                    <a:pt x="0" y="134800"/>
                  </a:lnTo>
                  <a:lnTo>
                    <a:pt x="0" y="33110"/>
                  </a:lnTo>
                  <a:lnTo>
                    <a:pt x="7042" y="32705"/>
                  </a:lnTo>
                  <a:cubicBezTo>
                    <a:pt x="43913" y="31488"/>
                    <a:pt x="72525" y="21164"/>
                    <a:pt x="92251" y="2065"/>
                  </a:cubicBezTo>
                  <a:lnTo>
                    <a:pt x="94390" y="0"/>
                  </a:lnTo>
                  <a:lnTo>
                    <a:pt x="199140" y="0"/>
                  </a:lnTo>
                  <a:lnTo>
                    <a:pt x="199140" y="14748"/>
                  </a:lnTo>
                  <a:lnTo>
                    <a:pt x="100326" y="14748"/>
                  </a:lnTo>
                  <a:cubicBezTo>
                    <a:pt x="79383" y="33884"/>
                    <a:pt x="50624" y="44761"/>
                    <a:pt x="14675" y="47121"/>
                  </a:cubicBezTo>
                  <a:lnTo>
                    <a:pt x="14675" y="120015"/>
                  </a:lnTo>
                  <a:lnTo>
                    <a:pt x="15228" y="120015"/>
                  </a:lnTo>
                  <a:cubicBezTo>
                    <a:pt x="27237" y="119204"/>
                    <a:pt x="39134" y="117178"/>
                    <a:pt x="50734" y="113968"/>
                  </a:cubicBezTo>
                  <a:cubicBezTo>
                    <a:pt x="64720" y="110302"/>
                    <a:pt x="78307" y="105250"/>
                    <a:pt x="91293" y="98888"/>
                  </a:cubicBezTo>
                  <a:lnTo>
                    <a:pt x="101985" y="93468"/>
                  </a:lnTo>
                  <a:lnTo>
                    <a:pt x="101985" y="120015"/>
                  </a:lnTo>
                  <a:lnTo>
                    <a:pt x="101985" y="120015"/>
                  </a:lnTo>
                  <a:lnTo>
                    <a:pt x="101985" y="420550"/>
                  </a:lnTo>
                  <a:close/>
                  <a:moveTo>
                    <a:pt x="199214" y="405728"/>
                  </a:moveTo>
                  <a:lnTo>
                    <a:pt x="199214" y="420477"/>
                  </a:lnTo>
                  <a:lnTo>
                    <a:pt x="269269" y="420477"/>
                  </a:lnTo>
                  <a:lnTo>
                    <a:pt x="269269" y="491269"/>
                  </a:lnTo>
                  <a:lnTo>
                    <a:pt x="6084" y="491269"/>
                  </a:lnTo>
                  <a:lnTo>
                    <a:pt x="6084" y="506017"/>
                  </a:lnTo>
                  <a:lnTo>
                    <a:pt x="284054" y="506017"/>
                  </a:lnTo>
                  <a:lnTo>
                    <a:pt x="284054" y="405728"/>
                  </a:lnTo>
                  <a:close/>
                </a:path>
              </a:pathLst>
            </a:custGeom>
            <a:solidFill>
              <a:schemeClr val="tx1"/>
            </a:solidFill>
            <a:ln w="3687" cap="flat">
              <a:noFill/>
              <a:prstDash val="solid"/>
              <a:miter/>
            </a:ln>
          </p:spPr>
          <p:txBody>
            <a:bodyPr rtlCol="0" anchor="ctr"/>
            <a:lstStyle/>
            <a:p>
              <a:endParaRPr lang="en-US"/>
            </a:p>
          </p:txBody>
        </p:sp>
      </p:grpSp>
      <p:sp>
        <p:nvSpPr>
          <p:cNvPr id="2" name="Title 1">
            <a:extLst>
              <a:ext uri="{FF2B5EF4-FFF2-40B4-BE49-F238E27FC236}">
                <a16:creationId xmlns:a16="http://schemas.microsoft.com/office/drawing/2014/main" id="{A4936ECB-05AC-A74B-96D9-76DA733C57B5}"/>
              </a:ext>
            </a:extLst>
          </p:cNvPr>
          <p:cNvSpPr>
            <a:spLocks noGrp="1"/>
          </p:cNvSpPr>
          <p:nvPr>
            <p:ph type="title"/>
          </p:nvPr>
        </p:nvSpPr>
        <p:spPr>
          <a:xfrm>
            <a:off x="504001" y="504000"/>
            <a:ext cx="11186476" cy="369332"/>
          </a:xfrm>
        </p:spPr>
        <p:txBody>
          <a:bodyPr/>
          <a:lstStyle/>
          <a:p>
            <a:r>
              <a:rPr lang="en-US" sz="2400" b="1" kern="0">
                <a:ea typeface="Arial Unicode MS" pitchFamily="34" charset="-128"/>
                <a:cs typeface="Arial Unicode MS" pitchFamily="34" charset="-128"/>
              </a:rPr>
              <a:t>Agenda</a:t>
            </a:r>
            <a:endParaRPr lang="en-US"/>
          </a:p>
        </p:txBody>
      </p:sp>
      <p:pic>
        <p:nvPicPr>
          <p:cNvPr id="6" name="Picture 5">
            <a:extLst>
              <a:ext uri="{FF2B5EF4-FFF2-40B4-BE49-F238E27FC236}">
                <a16:creationId xmlns:a16="http://schemas.microsoft.com/office/drawing/2014/main" id="{7FA16DD2-017E-A873-E0E1-1DACA5507712}"/>
              </a:ext>
            </a:extLst>
          </p:cNvPr>
          <p:cNvPicPr>
            <a:picLocks noChangeAspect="1"/>
          </p:cNvPicPr>
          <p:nvPr/>
        </p:nvPicPr>
        <p:blipFill>
          <a:blip r:embed="rId4"/>
          <a:stretch>
            <a:fillRect/>
          </a:stretch>
        </p:blipFill>
        <p:spPr>
          <a:xfrm>
            <a:off x="7708523" y="2169000"/>
            <a:ext cx="2520000" cy="2520000"/>
          </a:xfrm>
          <a:prstGeom prst="rect">
            <a:avLst/>
          </a:prstGeom>
          <a:effectLst>
            <a:outerShdw blurRad="50800" dist="38100" dir="5400000" algn="t" rotWithShape="0">
              <a:prstClr val="black">
                <a:alpha val="40000"/>
              </a:prstClr>
            </a:outerShdw>
          </a:effectLst>
        </p:spPr>
      </p:pic>
      <p:pic>
        <p:nvPicPr>
          <p:cNvPr id="9" name="Picture 8">
            <a:extLst>
              <a:ext uri="{FF2B5EF4-FFF2-40B4-BE49-F238E27FC236}">
                <a16:creationId xmlns:a16="http://schemas.microsoft.com/office/drawing/2014/main" id="{86C1DAFA-4F2C-8E48-33D1-1BC8BF639C90}"/>
              </a:ext>
            </a:extLst>
          </p:cNvPr>
          <p:cNvPicPr>
            <a:picLocks noChangeAspect="1"/>
          </p:cNvPicPr>
          <p:nvPr/>
        </p:nvPicPr>
        <p:blipFill>
          <a:blip r:embed="rId5"/>
          <a:stretch>
            <a:fillRect/>
          </a:stretch>
        </p:blipFill>
        <p:spPr>
          <a:xfrm>
            <a:off x="2126298" y="3788388"/>
            <a:ext cx="1080000" cy="1080000"/>
          </a:xfrm>
          <a:prstGeom prst="rect">
            <a:avLst/>
          </a:prstGeom>
          <a:effectLst>
            <a:outerShdw blurRad="50800" dist="38100" dir="5400000" algn="t"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390995296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p:txBody>
          <a:bodyPr/>
          <a:lstStyle/>
          <a:p>
            <a:r>
              <a:rPr lang="en-US"/>
              <a:t>Motivation </a:t>
            </a:r>
          </a:p>
        </p:txBody>
      </p:sp>
      <p:sp>
        <p:nvSpPr>
          <p:cNvPr id="27" name="Rectangle: Rounded Corners 26">
            <a:extLst>
              <a:ext uri="{FF2B5EF4-FFF2-40B4-BE49-F238E27FC236}">
                <a16:creationId xmlns:a16="http://schemas.microsoft.com/office/drawing/2014/main" id="{70827B24-B277-13BE-9F06-924144AD280F}"/>
              </a:ext>
            </a:extLst>
          </p:cNvPr>
          <p:cNvSpPr/>
          <p:nvPr/>
        </p:nvSpPr>
        <p:spPr bwMode="gray">
          <a:xfrm>
            <a:off x="6311816" y="1166517"/>
            <a:ext cx="5461200" cy="2625919"/>
          </a:xfrm>
          <a:prstGeom prst="roundRect">
            <a:avLst/>
          </a:prstGeom>
          <a:solidFill>
            <a:schemeClr val="accent3">
              <a:lumMod val="40000"/>
              <a:lumOff val="6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8" name="Picture 7">
            <a:extLst>
              <a:ext uri="{FF2B5EF4-FFF2-40B4-BE49-F238E27FC236}">
                <a16:creationId xmlns:a16="http://schemas.microsoft.com/office/drawing/2014/main" id="{DBB4EF95-EB2A-CD5D-8D8D-7DA1BA2E69B3}"/>
              </a:ext>
            </a:extLst>
          </p:cNvPr>
          <p:cNvPicPr>
            <a:picLocks noChangeAspect="1"/>
          </p:cNvPicPr>
          <p:nvPr>
            <p:custDataLst>
              <p:tags r:id="rId3"/>
            </p:custDataLst>
          </p:nvPr>
        </p:nvPicPr>
        <p:blipFill rotWithShape="1">
          <a:blip r:embed="rId7"/>
          <a:srcRect l="30936" t="41554" r="30313" b="17795"/>
          <a:stretch/>
        </p:blipFill>
        <p:spPr>
          <a:xfrm>
            <a:off x="9091274" y="1906393"/>
            <a:ext cx="2238496" cy="1576623"/>
          </a:xfrm>
          <a:prstGeom prst="rect">
            <a:avLst/>
          </a:prstGeom>
          <a:effectLst>
            <a:outerShdw blurRad="50800" dist="38100" dir="8100000" algn="tr" rotWithShape="0">
              <a:prstClr val="black">
                <a:alpha val="40000"/>
              </a:prstClr>
            </a:outerShdw>
          </a:effectLst>
        </p:spPr>
      </p:pic>
      <p:sp>
        <p:nvSpPr>
          <p:cNvPr id="28" name="Rectangle 27">
            <a:extLst>
              <a:ext uri="{FF2B5EF4-FFF2-40B4-BE49-F238E27FC236}">
                <a16:creationId xmlns:a16="http://schemas.microsoft.com/office/drawing/2014/main" id="{7C17C798-EB29-E641-6962-8459F851AA79}"/>
              </a:ext>
            </a:extLst>
          </p:cNvPr>
          <p:cNvSpPr/>
          <p:nvPr/>
        </p:nvSpPr>
        <p:spPr bwMode="gray">
          <a:xfrm>
            <a:off x="7047817" y="1292858"/>
            <a:ext cx="4086917" cy="451507"/>
          </a:xfrm>
          <a:prstGeom prst="rect">
            <a:avLst/>
          </a:prstGeom>
          <a:solidFill>
            <a:schemeClr val="accent3">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600" b="1" i="0" u="none" strike="noStrike" kern="0" cap="none" spc="0" normalizeH="0" baseline="0">
                <a:ln>
                  <a:noFill/>
                </a:ln>
                <a:effectLst/>
                <a:uLnTx/>
                <a:uFillTx/>
                <a:ea typeface="Arial Unicode MS" pitchFamily="34" charset="-128"/>
                <a:cs typeface="Arial Unicode MS" pitchFamily="34" charset="-128"/>
              </a:rPr>
              <a:t>Bird identification and photography </a:t>
            </a:r>
          </a:p>
        </p:txBody>
      </p:sp>
      <p:pic>
        <p:nvPicPr>
          <p:cNvPr id="20" name="Picture 19">
            <a:extLst>
              <a:ext uri="{FF2B5EF4-FFF2-40B4-BE49-F238E27FC236}">
                <a16:creationId xmlns:a16="http://schemas.microsoft.com/office/drawing/2014/main" id="{ACD89E78-0755-C261-95BC-18EBBFFBBFA1}"/>
              </a:ext>
            </a:extLst>
          </p:cNvPr>
          <p:cNvPicPr>
            <a:picLocks noChangeAspect="1"/>
          </p:cNvPicPr>
          <p:nvPr/>
        </p:nvPicPr>
        <p:blipFill>
          <a:blip r:embed="rId8"/>
          <a:stretch>
            <a:fillRect/>
          </a:stretch>
        </p:blipFill>
        <p:spPr>
          <a:xfrm>
            <a:off x="6589212" y="1633820"/>
            <a:ext cx="2121768" cy="2121768"/>
          </a:xfrm>
          <a:prstGeom prst="rect">
            <a:avLst/>
          </a:prstGeom>
          <a:effectLst>
            <a:outerShdw blurRad="50800" dist="38100" dir="8100000" algn="tr" rotWithShape="0">
              <a:prstClr val="black">
                <a:alpha val="40000"/>
              </a:prstClr>
            </a:outerShdw>
          </a:effectLst>
        </p:spPr>
      </p:pic>
      <p:sp>
        <p:nvSpPr>
          <p:cNvPr id="42" name="Rectangle: Rounded Corners 41">
            <a:extLst>
              <a:ext uri="{FF2B5EF4-FFF2-40B4-BE49-F238E27FC236}">
                <a16:creationId xmlns:a16="http://schemas.microsoft.com/office/drawing/2014/main" id="{CDF0CA3E-4FC5-F041-7190-E25F9978A9A1}"/>
              </a:ext>
            </a:extLst>
          </p:cNvPr>
          <p:cNvSpPr/>
          <p:nvPr/>
        </p:nvSpPr>
        <p:spPr bwMode="gray">
          <a:xfrm>
            <a:off x="6311949" y="3869442"/>
            <a:ext cx="5460934" cy="2625919"/>
          </a:xfrm>
          <a:prstGeom prst="roundRect">
            <a:avLst/>
          </a:prstGeom>
          <a:solidFill>
            <a:schemeClr val="bg1">
              <a:lumMod val="85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31" name="Picture 30">
            <a:extLst>
              <a:ext uri="{FF2B5EF4-FFF2-40B4-BE49-F238E27FC236}">
                <a16:creationId xmlns:a16="http://schemas.microsoft.com/office/drawing/2014/main" id="{B7EA9576-AD72-F57C-05F2-431060F614B4}"/>
              </a:ext>
            </a:extLst>
          </p:cNvPr>
          <p:cNvPicPr>
            <a:picLocks noChangeAspect="1"/>
          </p:cNvPicPr>
          <p:nvPr/>
        </p:nvPicPr>
        <p:blipFill rotWithShape="1">
          <a:blip r:embed="rId9"/>
          <a:srcRect l="18551" t="31951"/>
          <a:stretch/>
        </p:blipFill>
        <p:spPr>
          <a:xfrm>
            <a:off x="9104330" y="4587889"/>
            <a:ext cx="2292242" cy="1429350"/>
          </a:xfrm>
          <a:prstGeom prst="rect">
            <a:avLst/>
          </a:prstGeom>
          <a:effectLst>
            <a:outerShdw blurRad="50800" dist="38100" dir="8100000" algn="tr" rotWithShape="0">
              <a:prstClr val="black">
                <a:alpha val="40000"/>
              </a:prstClr>
            </a:outerShdw>
          </a:effectLst>
        </p:spPr>
      </p:pic>
      <p:pic>
        <p:nvPicPr>
          <p:cNvPr id="37" name="Picture 36">
            <a:extLst>
              <a:ext uri="{FF2B5EF4-FFF2-40B4-BE49-F238E27FC236}">
                <a16:creationId xmlns:a16="http://schemas.microsoft.com/office/drawing/2014/main" id="{9665EA63-A2C7-0879-F278-52F20620ED76}"/>
              </a:ext>
            </a:extLst>
          </p:cNvPr>
          <p:cNvPicPr>
            <a:picLocks noChangeAspect="1"/>
          </p:cNvPicPr>
          <p:nvPr/>
        </p:nvPicPr>
        <p:blipFill>
          <a:blip r:embed="rId10"/>
          <a:stretch>
            <a:fillRect/>
          </a:stretch>
        </p:blipFill>
        <p:spPr>
          <a:xfrm>
            <a:off x="6292916" y="4188332"/>
            <a:ext cx="2869993" cy="2228464"/>
          </a:xfrm>
          <a:prstGeom prst="rect">
            <a:avLst/>
          </a:prstGeom>
          <a:effectLst>
            <a:outerShdw blurRad="50800" dist="38100" dir="8100000" algn="tr" rotWithShape="0">
              <a:prstClr val="black">
                <a:alpha val="40000"/>
              </a:prstClr>
            </a:outerShdw>
          </a:effectLst>
        </p:spPr>
      </p:pic>
      <p:sp>
        <p:nvSpPr>
          <p:cNvPr id="38" name="Rectangle 37">
            <a:extLst>
              <a:ext uri="{FF2B5EF4-FFF2-40B4-BE49-F238E27FC236}">
                <a16:creationId xmlns:a16="http://schemas.microsoft.com/office/drawing/2014/main" id="{066C0C8F-DC57-34F8-4D41-3B063CDCEC81}"/>
              </a:ext>
            </a:extLst>
          </p:cNvPr>
          <p:cNvSpPr/>
          <p:nvPr/>
        </p:nvSpPr>
        <p:spPr bwMode="gray">
          <a:xfrm>
            <a:off x="7070722" y="3972520"/>
            <a:ext cx="4067217" cy="451507"/>
          </a:xfrm>
          <a:prstGeom prst="rect">
            <a:avLst/>
          </a:prstGeom>
          <a:solidFill>
            <a:schemeClr val="tx2">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a:ln>
                  <a:noFill/>
                </a:ln>
                <a:effectLst/>
                <a:uLnTx/>
                <a:uFillTx/>
                <a:ea typeface="Arial Unicode MS" pitchFamily="34" charset="-128"/>
                <a:cs typeface="Arial Unicode MS" pitchFamily="34" charset="-128"/>
              </a:rPr>
              <a:t>Ecotourism / Birdwatching</a:t>
            </a:r>
          </a:p>
        </p:txBody>
      </p:sp>
      <p:pic>
        <p:nvPicPr>
          <p:cNvPr id="2" name="Picture 1">
            <a:extLst>
              <a:ext uri="{FF2B5EF4-FFF2-40B4-BE49-F238E27FC236}">
                <a16:creationId xmlns:a16="http://schemas.microsoft.com/office/drawing/2014/main" id="{4E201803-66AE-45CF-6EF7-C2BE6EE816BB}"/>
              </a:ext>
            </a:extLst>
          </p:cNvPr>
          <p:cNvPicPr>
            <a:picLocks noChangeAspect="1"/>
          </p:cNvPicPr>
          <p:nvPr/>
        </p:nvPicPr>
        <p:blipFill>
          <a:blip r:embed="rId11"/>
          <a:stretch>
            <a:fillRect/>
          </a:stretch>
        </p:blipFill>
        <p:spPr>
          <a:xfrm>
            <a:off x="11293151" y="-9748"/>
            <a:ext cx="980725" cy="980725"/>
          </a:xfrm>
          <a:prstGeom prst="rect">
            <a:avLst/>
          </a:prstGeom>
        </p:spPr>
      </p:pic>
      <p:sp>
        <p:nvSpPr>
          <p:cNvPr id="40" name="Rectangle: Rounded Corners 39">
            <a:extLst>
              <a:ext uri="{FF2B5EF4-FFF2-40B4-BE49-F238E27FC236}">
                <a16:creationId xmlns:a16="http://schemas.microsoft.com/office/drawing/2014/main" id="{79E0EA32-3E3B-97AE-750C-61F18745FF7F}"/>
              </a:ext>
            </a:extLst>
          </p:cNvPr>
          <p:cNvSpPr/>
          <p:nvPr/>
        </p:nvSpPr>
        <p:spPr bwMode="gray">
          <a:xfrm>
            <a:off x="415858" y="1166517"/>
            <a:ext cx="5461200" cy="2625919"/>
          </a:xfrm>
          <a:prstGeom prst="roundRect">
            <a:avLst/>
          </a:prstGeom>
          <a:solidFill>
            <a:schemeClr val="accent4">
              <a:lumMod val="20000"/>
              <a:lumOff val="8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12" name="Text Placeholder 1">
            <a:extLst>
              <a:ext uri="{FF2B5EF4-FFF2-40B4-BE49-F238E27FC236}">
                <a16:creationId xmlns:a16="http://schemas.microsoft.com/office/drawing/2014/main" id="{8E7D916F-9F5E-D06D-7B61-2754A5611845}"/>
              </a:ext>
            </a:extLst>
          </p:cNvPr>
          <p:cNvPicPr>
            <a:picLocks noChangeAspect="1"/>
          </p:cNvPicPr>
          <p:nvPr>
            <p:custDataLst>
              <p:tags r:id="rId4"/>
            </p:custDataLst>
          </p:nvPr>
        </p:nvPicPr>
        <p:blipFill rotWithShape="1">
          <a:blip r:embed="rId12"/>
          <a:srcRect l="21" t="-3902" r="533" b="-3502"/>
          <a:stretch/>
        </p:blipFill>
        <p:spPr>
          <a:xfrm>
            <a:off x="969298" y="1821228"/>
            <a:ext cx="1581704" cy="1708284"/>
          </a:xfrm>
          <a:prstGeom prst="rect">
            <a:avLst/>
          </a:prstGeom>
          <a:effectLst>
            <a:outerShdw blurRad="50800" dist="38100" dir="8100000" algn="tr" rotWithShape="0">
              <a:prstClr val="black">
                <a:alpha val="40000"/>
              </a:prstClr>
            </a:outerShdw>
          </a:effectLst>
        </p:spPr>
      </p:pic>
      <p:pic>
        <p:nvPicPr>
          <p:cNvPr id="25" name="Picture 24">
            <a:extLst>
              <a:ext uri="{FF2B5EF4-FFF2-40B4-BE49-F238E27FC236}">
                <a16:creationId xmlns:a16="http://schemas.microsoft.com/office/drawing/2014/main" id="{BF851958-8962-ED0A-3CE7-F1F64B2A345D}"/>
              </a:ext>
            </a:extLst>
          </p:cNvPr>
          <p:cNvPicPr>
            <a:picLocks noChangeAspect="1"/>
          </p:cNvPicPr>
          <p:nvPr/>
        </p:nvPicPr>
        <p:blipFill>
          <a:blip r:embed="rId13"/>
          <a:stretch>
            <a:fillRect/>
          </a:stretch>
        </p:blipFill>
        <p:spPr>
          <a:xfrm>
            <a:off x="2875068" y="1592229"/>
            <a:ext cx="2181147" cy="2181147"/>
          </a:xfrm>
          <a:prstGeom prst="rect">
            <a:avLst/>
          </a:prstGeom>
          <a:effectLst>
            <a:outerShdw blurRad="50800" dist="38100" dir="8100000" algn="tr" rotWithShape="0">
              <a:prstClr val="black">
                <a:alpha val="40000"/>
              </a:prstClr>
            </a:outerShdw>
          </a:effectLst>
        </p:spPr>
      </p:pic>
      <p:sp>
        <p:nvSpPr>
          <p:cNvPr id="29" name="Rectangle 28">
            <a:extLst>
              <a:ext uri="{FF2B5EF4-FFF2-40B4-BE49-F238E27FC236}">
                <a16:creationId xmlns:a16="http://schemas.microsoft.com/office/drawing/2014/main" id="{3865DD37-C05E-120F-D8B5-0A302C06C6F4}"/>
              </a:ext>
            </a:extLst>
          </p:cNvPr>
          <p:cNvSpPr/>
          <p:nvPr/>
        </p:nvSpPr>
        <p:spPr bwMode="gray">
          <a:xfrm>
            <a:off x="969299" y="1279019"/>
            <a:ext cx="4086917" cy="451507"/>
          </a:xfrm>
          <a:prstGeom prst="rect">
            <a:avLst/>
          </a:prstGeom>
          <a:solidFill>
            <a:schemeClr val="accent4">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a:ln>
                  <a:noFill/>
                </a:ln>
                <a:effectLst/>
                <a:uLnTx/>
                <a:uFillTx/>
                <a:ea typeface="Arial Unicode MS" pitchFamily="34" charset="-128"/>
                <a:cs typeface="Arial Unicode MS" pitchFamily="34" charset="-128"/>
              </a:rPr>
              <a:t>Educational purposes</a:t>
            </a:r>
          </a:p>
        </p:txBody>
      </p:sp>
      <p:sp>
        <p:nvSpPr>
          <p:cNvPr id="41" name="Rectangle: Rounded Corners 40">
            <a:extLst>
              <a:ext uri="{FF2B5EF4-FFF2-40B4-BE49-F238E27FC236}">
                <a16:creationId xmlns:a16="http://schemas.microsoft.com/office/drawing/2014/main" id="{213518A2-9122-37FC-2870-05FD68AC73A1}"/>
              </a:ext>
            </a:extLst>
          </p:cNvPr>
          <p:cNvSpPr/>
          <p:nvPr/>
        </p:nvSpPr>
        <p:spPr bwMode="gray">
          <a:xfrm>
            <a:off x="415858" y="3870201"/>
            <a:ext cx="5461200" cy="2624400"/>
          </a:xfrm>
          <a:prstGeom prst="roundRect">
            <a:avLst/>
          </a:prstGeom>
          <a:solidFill>
            <a:schemeClr val="accent1">
              <a:lumMod val="40000"/>
              <a:lumOff val="6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43" name="Rectangle 42">
            <a:extLst>
              <a:ext uri="{FF2B5EF4-FFF2-40B4-BE49-F238E27FC236}">
                <a16:creationId xmlns:a16="http://schemas.microsoft.com/office/drawing/2014/main" id="{CADA6330-F59C-9C2C-F996-01B358D5A5BD}"/>
              </a:ext>
            </a:extLst>
          </p:cNvPr>
          <p:cNvSpPr/>
          <p:nvPr/>
        </p:nvSpPr>
        <p:spPr bwMode="gray">
          <a:xfrm>
            <a:off x="969298" y="3971232"/>
            <a:ext cx="4086917" cy="433874"/>
          </a:xfrm>
          <a:prstGeom prst="rect">
            <a:avLst/>
          </a:prstGeom>
          <a:solidFill>
            <a:schemeClr val="accent1">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1800" b="1" kern="0">
                <a:ea typeface="Arial Unicode MS" pitchFamily="34" charset="-128"/>
                <a:cs typeface="Arial Unicode MS" pitchFamily="34" charset="-128"/>
              </a:rPr>
              <a:t>Monitoring endangered species</a:t>
            </a:r>
            <a:endParaRPr kumimoji="0" lang="en-US" sz="1800" b="1" i="0" u="none" strike="noStrike" kern="0" cap="none" spc="0" normalizeH="0" baseline="0">
              <a:ln>
                <a:noFill/>
              </a:ln>
              <a:effectLst/>
              <a:uLnTx/>
              <a:uFillTx/>
              <a:ea typeface="Arial Unicode MS" pitchFamily="34" charset="-128"/>
              <a:cs typeface="Arial Unicode MS" pitchFamily="34" charset="-128"/>
            </a:endParaRPr>
          </a:p>
        </p:txBody>
      </p:sp>
      <p:pic>
        <p:nvPicPr>
          <p:cNvPr id="47" name="Picture 46">
            <a:extLst>
              <a:ext uri="{FF2B5EF4-FFF2-40B4-BE49-F238E27FC236}">
                <a16:creationId xmlns:a16="http://schemas.microsoft.com/office/drawing/2014/main" id="{D60FD35C-4679-1A1F-C37F-029E7474E0A2}"/>
              </a:ext>
            </a:extLst>
          </p:cNvPr>
          <p:cNvPicPr>
            <a:picLocks noChangeAspect="1"/>
          </p:cNvPicPr>
          <p:nvPr/>
        </p:nvPicPr>
        <p:blipFill>
          <a:blip r:embed="rId14"/>
          <a:stretch>
            <a:fillRect/>
          </a:stretch>
        </p:blipFill>
        <p:spPr>
          <a:xfrm>
            <a:off x="653582" y="4265913"/>
            <a:ext cx="2319262" cy="2228688"/>
          </a:xfrm>
          <a:prstGeom prst="rect">
            <a:avLst/>
          </a:prstGeom>
          <a:effectLst>
            <a:outerShdw blurRad="50800" dist="38100" dir="8100000" algn="tr" rotWithShape="0">
              <a:prstClr val="black">
                <a:alpha val="40000"/>
              </a:prstClr>
            </a:outerShdw>
          </a:effectLst>
        </p:spPr>
      </p:pic>
      <p:pic>
        <p:nvPicPr>
          <p:cNvPr id="7170" name="Picture 2">
            <a:extLst>
              <a:ext uri="{FF2B5EF4-FFF2-40B4-BE49-F238E27FC236}">
                <a16:creationId xmlns:a16="http://schemas.microsoft.com/office/drawing/2014/main" id="{F03ABCB0-FA1F-CAE2-F1BF-179E164B60C6}"/>
              </a:ext>
            </a:extLst>
          </p:cNvPr>
          <p:cNvPicPr>
            <a:picLocks noChangeAspect="1" noChangeArrowheads="1"/>
          </p:cNvPicPr>
          <p:nvPr/>
        </p:nvPicPr>
        <p:blipFill>
          <a:blip r:embed="rId15"/>
          <a:srcRect/>
          <a:stretch/>
        </p:blipFill>
        <p:spPr bwMode="auto">
          <a:xfrm>
            <a:off x="2972844" y="4515405"/>
            <a:ext cx="2700000" cy="1729705"/>
          </a:xfrm>
          <a:prstGeom prst="rect">
            <a:avLst/>
          </a:prstGeom>
          <a:noFill/>
          <a:effectLst>
            <a:outerShdw blurRad="50800" dist="38100" dir="8100000" algn="tr" rotWithShape="0">
              <a:prstClr val="black">
                <a:alpha val="40000"/>
              </a:prstClr>
            </a:outerShdw>
          </a:effectLst>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7449424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Rounded Corners 4">
            <a:extLst>
              <a:ext uri="{FF2B5EF4-FFF2-40B4-BE49-F238E27FC236}">
                <a16:creationId xmlns:a16="http://schemas.microsoft.com/office/drawing/2014/main" id="{C10152B7-7994-EB56-E8E6-BDC37D23FA6B}"/>
              </a:ext>
            </a:extLst>
          </p:cNvPr>
          <p:cNvSpPr/>
          <p:nvPr/>
        </p:nvSpPr>
        <p:spPr bwMode="gray">
          <a:xfrm>
            <a:off x="3110230" y="1625600"/>
            <a:ext cx="2946400" cy="3850290"/>
          </a:xfrm>
          <a:prstGeom prst="roundRect">
            <a:avLst/>
          </a:prstGeom>
          <a:solidFill>
            <a:srgbClr val="DAF7CB"/>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6" name="Rectangle: Rounded Corners 5">
            <a:extLst>
              <a:ext uri="{FF2B5EF4-FFF2-40B4-BE49-F238E27FC236}">
                <a16:creationId xmlns:a16="http://schemas.microsoft.com/office/drawing/2014/main" id="{EC5DB0D9-5DC7-3420-2103-BBC66F249B5F}"/>
              </a:ext>
            </a:extLst>
          </p:cNvPr>
          <p:cNvSpPr/>
          <p:nvPr/>
        </p:nvSpPr>
        <p:spPr bwMode="gray">
          <a:xfrm>
            <a:off x="6138545" y="1625600"/>
            <a:ext cx="2946400" cy="3850290"/>
          </a:xfrm>
          <a:prstGeom prst="roundRect">
            <a:avLst/>
          </a:prstGeom>
          <a:solidFill>
            <a:schemeClr val="accent1">
              <a:lumMod val="20000"/>
              <a:lumOff val="8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7" name="Rectangle: Rounded Corners 6">
            <a:extLst>
              <a:ext uri="{FF2B5EF4-FFF2-40B4-BE49-F238E27FC236}">
                <a16:creationId xmlns:a16="http://schemas.microsoft.com/office/drawing/2014/main" id="{A05C001F-D5FC-06E3-5E75-9E90AC105793}"/>
              </a:ext>
            </a:extLst>
          </p:cNvPr>
          <p:cNvSpPr/>
          <p:nvPr/>
        </p:nvSpPr>
        <p:spPr bwMode="gray">
          <a:xfrm>
            <a:off x="9166860" y="1625600"/>
            <a:ext cx="2946400" cy="3850290"/>
          </a:xfrm>
          <a:prstGeom prst="roundRect">
            <a:avLst/>
          </a:prstGeom>
          <a:solidFill>
            <a:schemeClr val="accent6">
              <a:lumMod val="20000"/>
              <a:lumOff val="8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 name="Title 2">
            <a:extLst>
              <a:ext uri="{FF2B5EF4-FFF2-40B4-BE49-F238E27FC236}">
                <a16:creationId xmlns:a16="http://schemas.microsoft.com/office/drawing/2014/main" id="{53148190-7A13-BDB3-5DE8-8F0ABCA8E4C0}"/>
              </a:ext>
            </a:extLst>
          </p:cNvPr>
          <p:cNvSpPr>
            <a:spLocks noGrp="1"/>
          </p:cNvSpPr>
          <p:nvPr>
            <p:ph type="title"/>
          </p:nvPr>
        </p:nvSpPr>
        <p:spPr/>
        <p:txBody>
          <a:bodyPr/>
          <a:lstStyle/>
          <a:p>
            <a:r>
              <a:rPr lang="de-DE"/>
              <a:t>Project Goal </a:t>
            </a:r>
          </a:p>
        </p:txBody>
      </p:sp>
      <p:sp>
        <p:nvSpPr>
          <p:cNvPr id="4" name="Rectangle: Rounded Corners 3">
            <a:extLst>
              <a:ext uri="{FF2B5EF4-FFF2-40B4-BE49-F238E27FC236}">
                <a16:creationId xmlns:a16="http://schemas.microsoft.com/office/drawing/2014/main" id="{610462AD-EB45-0632-FA7D-9E06CAE8C277}"/>
              </a:ext>
            </a:extLst>
          </p:cNvPr>
          <p:cNvSpPr/>
          <p:nvPr/>
        </p:nvSpPr>
        <p:spPr bwMode="gray">
          <a:xfrm>
            <a:off x="81915" y="1625600"/>
            <a:ext cx="2946400" cy="3850290"/>
          </a:xfrm>
          <a:prstGeom prst="roundRect">
            <a:avLst/>
          </a:prstGeom>
          <a:solidFill>
            <a:schemeClr val="accent3">
              <a:lumMod val="20000"/>
              <a:lumOff val="8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46646DC6-94DB-6004-9C47-B30AE4DAE261}"/>
              </a:ext>
            </a:extLst>
          </p:cNvPr>
          <p:cNvSpPr/>
          <p:nvPr/>
        </p:nvSpPr>
        <p:spPr bwMode="gray">
          <a:xfrm>
            <a:off x="526956" y="1823720"/>
            <a:ext cx="2056319" cy="396240"/>
          </a:xfrm>
          <a:prstGeom prst="rect">
            <a:avLst/>
          </a:prstGeom>
          <a:solidFill>
            <a:schemeClr val="accent3">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1" i="0" u="none" strike="noStrike" kern="0" cap="none" spc="0" normalizeH="0" baseline="0" noProof="0">
                <a:ln>
                  <a:noFill/>
                </a:ln>
                <a:effectLst/>
                <a:uLnTx/>
                <a:uFillTx/>
                <a:ea typeface="Arial Unicode MS" pitchFamily="34" charset="-128"/>
                <a:cs typeface="Arial Unicode MS" pitchFamily="34" charset="-128"/>
              </a:rPr>
              <a:t>Data Set</a:t>
            </a:r>
          </a:p>
        </p:txBody>
      </p:sp>
      <p:sp>
        <p:nvSpPr>
          <p:cNvPr id="9" name="Rectangle 8">
            <a:extLst>
              <a:ext uri="{FF2B5EF4-FFF2-40B4-BE49-F238E27FC236}">
                <a16:creationId xmlns:a16="http://schemas.microsoft.com/office/drawing/2014/main" id="{026A51B0-75B9-42A1-4C74-E6B769264D4A}"/>
              </a:ext>
            </a:extLst>
          </p:cNvPr>
          <p:cNvSpPr/>
          <p:nvPr/>
        </p:nvSpPr>
        <p:spPr bwMode="gray">
          <a:xfrm>
            <a:off x="3566050" y="1823720"/>
            <a:ext cx="2056319" cy="396240"/>
          </a:xfrm>
          <a:prstGeom prst="rect">
            <a:avLst/>
          </a:prstGeom>
          <a:solidFill>
            <a:schemeClr val="accent4">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1" i="0" u="none" strike="noStrike" kern="0" cap="none" spc="0" normalizeH="0" baseline="0" noProof="0">
                <a:ln>
                  <a:noFill/>
                </a:ln>
                <a:effectLst/>
                <a:uLnTx/>
                <a:uFillTx/>
                <a:ea typeface="Arial Unicode MS" pitchFamily="34" charset="-128"/>
                <a:cs typeface="Arial Unicode MS" pitchFamily="34" charset="-128"/>
              </a:rPr>
              <a:t>CV Model</a:t>
            </a:r>
          </a:p>
        </p:txBody>
      </p:sp>
      <p:sp>
        <p:nvSpPr>
          <p:cNvPr id="10" name="Rectangle 9">
            <a:extLst>
              <a:ext uri="{FF2B5EF4-FFF2-40B4-BE49-F238E27FC236}">
                <a16:creationId xmlns:a16="http://schemas.microsoft.com/office/drawing/2014/main" id="{FCAFD1BC-4B01-4EFC-BEC3-DA788A8E95B1}"/>
              </a:ext>
            </a:extLst>
          </p:cNvPr>
          <p:cNvSpPr/>
          <p:nvPr/>
        </p:nvSpPr>
        <p:spPr bwMode="gray">
          <a:xfrm>
            <a:off x="6583586" y="1823720"/>
            <a:ext cx="2056319" cy="396240"/>
          </a:xfrm>
          <a:prstGeom prst="rect">
            <a:avLst/>
          </a:prstGeom>
          <a:solidFill>
            <a:schemeClr val="accent1">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800" b="1" kern="0">
                <a:ea typeface="Arial Unicode MS" pitchFamily="34" charset="-128"/>
                <a:cs typeface="Arial Unicode MS" pitchFamily="34" charset="-128"/>
              </a:rPr>
              <a:t>Knowledge Base</a:t>
            </a:r>
            <a:endParaRPr kumimoji="0" lang="de-DE" sz="1800" b="1" i="0" u="none" strike="noStrike" kern="0" cap="none" spc="0" normalizeH="0" baseline="0" noProof="0">
              <a:ln>
                <a:noFill/>
              </a:ln>
              <a:effectLst/>
              <a:uLnTx/>
              <a:uFillTx/>
              <a:ea typeface="Arial Unicode MS" pitchFamily="34" charset="-128"/>
              <a:cs typeface="Arial Unicode MS" pitchFamily="34" charset="-128"/>
            </a:endParaRPr>
          </a:p>
        </p:txBody>
      </p:sp>
      <p:sp>
        <p:nvSpPr>
          <p:cNvPr id="11" name="Rectangle 10">
            <a:extLst>
              <a:ext uri="{FF2B5EF4-FFF2-40B4-BE49-F238E27FC236}">
                <a16:creationId xmlns:a16="http://schemas.microsoft.com/office/drawing/2014/main" id="{7B07AC1D-FC94-A572-CA98-7A7857B830D8}"/>
              </a:ext>
            </a:extLst>
          </p:cNvPr>
          <p:cNvSpPr/>
          <p:nvPr/>
        </p:nvSpPr>
        <p:spPr bwMode="gray">
          <a:xfrm>
            <a:off x="9634158" y="1823720"/>
            <a:ext cx="2056319" cy="396240"/>
          </a:xfrm>
          <a:prstGeom prst="rect">
            <a:avLst/>
          </a:prstGeom>
          <a:solidFill>
            <a:schemeClr val="accent6">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a:ln>
                  <a:noFill/>
                </a:ln>
                <a:effectLst/>
                <a:uLnTx/>
                <a:uFillTx/>
                <a:ea typeface="Arial Unicode MS" pitchFamily="34" charset="-128"/>
                <a:cs typeface="Arial Unicode MS" pitchFamily="34" charset="-128"/>
              </a:rPr>
              <a:t>Application</a:t>
            </a:r>
          </a:p>
        </p:txBody>
      </p:sp>
      <p:pic>
        <p:nvPicPr>
          <p:cNvPr id="2050" name="Picture 2">
            <a:extLst>
              <a:ext uri="{FF2B5EF4-FFF2-40B4-BE49-F238E27FC236}">
                <a16:creationId xmlns:a16="http://schemas.microsoft.com/office/drawing/2014/main" id="{0B1EEECB-D9C9-A0BE-B424-CCE8E665F64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96909" y="2763480"/>
            <a:ext cx="2316412" cy="894661"/>
          </a:xfrm>
          <a:prstGeom prst="rect">
            <a:avLst/>
          </a:prstGeom>
          <a:noFill/>
          <a:effectLst>
            <a:outerShdw blurRad="50800" dist="38100" dir="8100000" algn="tr" rotWithShape="0">
              <a:prstClr val="black">
                <a:alpha val="40000"/>
              </a:prstClr>
            </a:outerShdw>
          </a:effectLst>
          <a:extLst>
            <a:ext uri="{909E8E84-426E-40DD-AFC4-6F175D3DCCD1}">
              <a14:hiddenFill xmlns:a14="http://schemas.microsoft.com/office/drawing/2010/main">
                <a:solidFill>
                  <a:srgbClr val="FFFFFF"/>
                </a:solidFill>
              </a14:hiddenFill>
            </a:ext>
          </a:extLst>
        </p:spPr>
      </p:pic>
      <p:pic>
        <p:nvPicPr>
          <p:cNvPr id="2052" name="Picture 4">
            <a:extLst>
              <a:ext uri="{FF2B5EF4-FFF2-40B4-BE49-F238E27FC236}">
                <a16:creationId xmlns:a16="http://schemas.microsoft.com/office/drawing/2014/main" id="{93525F8B-4675-10E6-5E3F-40089CB7BA96}"/>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862024" y="2844131"/>
            <a:ext cx="1499439" cy="1499439"/>
          </a:xfrm>
          <a:prstGeom prst="rect">
            <a:avLst/>
          </a:prstGeom>
          <a:noFill/>
          <a:effectLst>
            <a:outerShdw blurRad="50800" dist="38100" dir="8100000" algn="tr" rotWithShape="0">
              <a:prstClr val="black">
                <a:alpha val="40000"/>
              </a:prstClr>
            </a:outerShdw>
          </a:effectLst>
          <a:extLst>
            <a:ext uri="{909E8E84-426E-40DD-AFC4-6F175D3DCCD1}">
              <a14:hiddenFill xmlns:a14="http://schemas.microsoft.com/office/drawing/2010/main">
                <a:solidFill>
                  <a:srgbClr val="FFFFFF"/>
                </a:solidFill>
              </a14:hiddenFill>
            </a:ext>
          </a:extLst>
        </p:spPr>
      </p:pic>
      <p:sp>
        <p:nvSpPr>
          <p:cNvPr id="14" name="Rectangle 13">
            <a:extLst>
              <a:ext uri="{FF2B5EF4-FFF2-40B4-BE49-F238E27FC236}">
                <a16:creationId xmlns:a16="http://schemas.microsoft.com/office/drawing/2014/main" id="{FF3B3EC9-BA04-E28C-BA3C-A43A2D1BB216}"/>
              </a:ext>
            </a:extLst>
          </p:cNvPr>
          <p:cNvSpPr/>
          <p:nvPr/>
        </p:nvSpPr>
        <p:spPr bwMode="gray">
          <a:xfrm>
            <a:off x="3566050" y="2418080"/>
            <a:ext cx="2056319" cy="852103"/>
          </a:xfrm>
          <a:prstGeom prst="rect">
            <a:avLst/>
          </a:prstGeom>
          <a:solidFill>
            <a:schemeClr val="accent4">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1" i="0" u="none" strike="noStrike" kern="0" cap="none" spc="0" normalizeH="0" baseline="0" noProof="0">
                <a:ln>
                  <a:noFill/>
                </a:ln>
                <a:effectLst/>
                <a:uLnTx/>
                <a:uFillTx/>
                <a:ea typeface="Arial Unicode MS" pitchFamily="34" charset="-128"/>
                <a:cs typeface="Arial Unicode MS" pitchFamily="34" charset="-128"/>
              </a:rPr>
              <a:t>Classification</a:t>
            </a:r>
          </a:p>
          <a:p>
            <a:pPr marR="0" algn="ctr" defTabSz="914400" eaLnBrk="1" fontAlgn="base" latinLnBrk="0" hangingPunct="1">
              <a:lnSpc>
                <a:spcPct val="100000"/>
              </a:lnSpc>
              <a:spcBef>
                <a:spcPct val="50000"/>
              </a:spcBef>
              <a:spcAft>
                <a:spcPct val="0"/>
              </a:spcAft>
              <a:buClr>
                <a:srgbClr val="F0AB00"/>
              </a:buClr>
              <a:buSzPct val="80000"/>
              <a:tabLst/>
            </a:pPr>
            <a:r>
              <a:rPr kumimoji="0" lang="de-DE" sz="1800" b="0" i="0" u="none" strike="noStrike" kern="0" cap="none" spc="0" normalizeH="0" baseline="0" noProof="0">
                <a:ln>
                  <a:noFill/>
                </a:ln>
                <a:effectLst/>
                <a:uLnTx/>
                <a:uFillTx/>
                <a:ea typeface="Arial Unicode MS" pitchFamily="34" charset="-128"/>
                <a:cs typeface="Arial Unicode MS" pitchFamily="34" charset="-128"/>
              </a:rPr>
              <a:t>CNN</a:t>
            </a:r>
          </a:p>
        </p:txBody>
      </p:sp>
      <p:pic>
        <p:nvPicPr>
          <p:cNvPr id="2062" name="Picture 14">
            <a:extLst>
              <a:ext uri="{FF2B5EF4-FFF2-40B4-BE49-F238E27FC236}">
                <a16:creationId xmlns:a16="http://schemas.microsoft.com/office/drawing/2014/main" id="{9E396EDF-0252-F2CF-820E-DE8C8AFB9E15}"/>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3836832" y="3355430"/>
            <a:ext cx="1440000" cy="1440000"/>
          </a:xfrm>
          <a:prstGeom prst="rect">
            <a:avLst/>
          </a:prstGeom>
          <a:noFill/>
          <a:effectLst>
            <a:outerShdw blurRad="50800" dist="38100" dir="8100000" algn="tr" rotWithShape="0">
              <a:prstClr val="black">
                <a:alpha val="40000"/>
              </a:prstClr>
            </a:outerShdw>
          </a:effectLst>
          <a:extLst>
            <a:ext uri="{909E8E84-426E-40DD-AFC4-6F175D3DCCD1}">
              <a14:hiddenFill xmlns:a14="http://schemas.microsoft.com/office/drawing/2010/main">
                <a:solidFill>
                  <a:srgbClr val="FFFFFF"/>
                </a:solidFill>
              </a14:hiddenFill>
            </a:ext>
          </a:extLst>
        </p:spPr>
      </p:pic>
      <p:sp>
        <p:nvSpPr>
          <p:cNvPr id="15" name="Rectangle 14">
            <a:extLst>
              <a:ext uri="{FF2B5EF4-FFF2-40B4-BE49-F238E27FC236}">
                <a16:creationId xmlns:a16="http://schemas.microsoft.com/office/drawing/2014/main" id="{36181029-ECA6-A3D1-5263-C77B646C7D0E}"/>
              </a:ext>
            </a:extLst>
          </p:cNvPr>
          <p:cNvSpPr/>
          <p:nvPr/>
        </p:nvSpPr>
        <p:spPr bwMode="gray">
          <a:xfrm>
            <a:off x="3279109" y="4862375"/>
            <a:ext cx="2630201" cy="396240"/>
          </a:xfrm>
          <a:prstGeom prst="rect">
            <a:avLst/>
          </a:prstGeom>
          <a:solidFill>
            <a:schemeClr val="accent4">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0" i="0" u="none" strike="noStrike" kern="0" cap="none" spc="0" normalizeH="0" baseline="0" noProof="0">
                <a:ln>
                  <a:noFill/>
                </a:ln>
                <a:effectLst/>
                <a:uLnTx/>
                <a:uFillTx/>
                <a:ea typeface="Arial Unicode MS" pitchFamily="34" charset="-128"/>
                <a:cs typeface="Arial Unicode MS" pitchFamily="34" charset="-128"/>
              </a:rPr>
              <a:t>„American Goldfinger“</a:t>
            </a:r>
          </a:p>
        </p:txBody>
      </p:sp>
      <p:pic>
        <p:nvPicPr>
          <p:cNvPr id="22" name="Picture 21">
            <a:extLst>
              <a:ext uri="{FF2B5EF4-FFF2-40B4-BE49-F238E27FC236}">
                <a16:creationId xmlns:a16="http://schemas.microsoft.com/office/drawing/2014/main" id="{BA75B343-D848-6537-AC17-2FB030F07F65}"/>
              </a:ext>
            </a:extLst>
          </p:cNvPr>
          <p:cNvPicPr>
            <a:picLocks noChangeAspect="1"/>
          </p:cNvPicPr>
          <p:nvPr/>
        </p:nvPicPr>
        <p:blipFill>
          <a:blip r:embed="rId6"/>
          <a:stretch>
            <a:fillRect/>
          </a:stretch>
        </p:blipFill>
        <p:spPr>
          <a:xfrm>
            <a:off x="9399782" y="2364083"/>
            <a:ext cx="2525069" cy="2398281"/>
          </a:xfrm>
          <a:prstGeom prst="rect">
            <a:avLst/>
          </a:prstGeom>
          <a:effectLst>
            <a:outerShdw blurRad="50800" dist="38100" dir="8100000" algn="tr" rotWithShape="0">
              <a:prstClr val="black">
                <a:alpha val="40000"/>
              </a:prstClr>
            </a:outerShdw>
          </a:effectLst>
        </p:spPr>
      </p:pic>
      <p:sp>
        <p:nvSpPr>
          <p:cNvPr id="23" name="Rectangle 22">
            <a:extLst>
              <a:ext uri="{FF2B5EF4-FFF2-40B4-BE49-F238E27FC236}">
                <a16:creationId xmlns:a16="http://schemas.microsoft.com/office/drawing/2014/main" id="{DAFE580E-EF27-0329-A18F-BABA78258785}"/>
              </a:ext>
            </a:extLst>
          </p:cNvPr>
          <p:cNvSpPr/>
          <p:nvPr/>
        </p:nvSpPr>
        <p:spPr bwMode="gray">
          <a:xfrm>
            <a:off x="9324959" y="4862375"/>
            <a:ext cx="2630201" cy="396240"/>
          </a:xfrm>
          <a:prstGeom prst="rect">
            <a:avLst/>
          </a:prstGeom>
          <a:solidFill>
            <a:schemeClr val="accent6">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0" i="0" u="none" strike="noStrike" kern="0" cap="none" spc="0" normalizeH="0" baseline="0" noProof="0">
                <a:ln>
                  <a:noFill/>
                </a:ln>
                <a:effectLst/>
                <a:uLnTx/>
                <a:uFillTx/>
                <a:ea typeface="Arial Unicode MS" pitchFamily="34" charset="-128"/>
                <a:cs typeface="Arial Unicode MS" pitchFamily="34" charset="-128"/>
              </a:rPr>
              <a:t>Website</a:t>
            </a:r>
          </a:p>
        </p:txBody>
      </p:sp>
      <p:sp>
        <p:nvSpPr>
          <p:cNvPr id="24" name="Rectangle 23">
            <a:extLst>
              <a:ext uri="{FF2B5EF4-FFF2-40B4-BE49-F238E27FC236}">
                <a16:creationId xmlns:a16="http://schemas.microsoft.com/office/drawing/2014/main" id="{6A9F73C8-EF3E-FCD8-E086-3EA7EFB08621}"/>
              </a:ext>
            </a:extLst>
          </p:cNvPr>
          <p:cNvSpPr/>
          <p:nvPr/>
        </p:nvSpPr>
        <p:spPr bwMode="gray">
          <a:xfrm>
            <a:off x="333287" y="4056340"/>
            <a:ext cx="2443656" cy="985521"/>
          </a:xfrm>
          <a:prstGeom prst="rect">
            <a:avLst/>
          </a:prstGeom>
          <a:solidFill>
            <a:schemeClr val="accent3">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0" i="0" u="none" strike="noStrike" kern="0" cap="none" spc="0" normalizeH="0" baseline="0" noProof="0">
                <a:ln>
                  <a:noFill/>
                </a:ln>
                <a:effectLst/>
                <a:uLnTx/>
                <a:uFillTx/>
                <a:ea typeface="Arial Unicode MS" pitchFamily="34" charset="-128"/>
                <a:cs typeface="Arial Unicode MS" pitchFamily="34" charset="-128"/>
              </a:rPr>
              <a:t>BIRDS 525 SPECIES – IMAGE CLASSIFICATION</a:t>
            </a:r>
          </a:p>
        </p:txBody>
      </p:sp>
      <p:sp>
        <p:nvSpPr>
          <p:cNvPr id="25" name="Rectangle 24">
            <a:extLst>
              <a:ext uri="{FF2B5EF4-FFF2-40B4-BE49-F238E27FC236}">
                <a16:creationId xmlns:a16="http://schemas.microsoft.com/office/drawing/2014/main" id="{E59CE852-A366-D908-FAE0-B25214FA4F95}"/>
              </a:ext>
            </a:extLst>
          </p:cNvPr>
          <p:cNvSpPr/>
          <p:nvPr/>
        </p:nvSpPr>
        <p:spPr bwMode="gray">
          <a:xfrm>
            <a:off x="6296644" y="4862375"/>
            <a:ext cx="2630201" cy="396240"/>
          </a:xfrm>
          <a:prstGeom prst="rect">
            <a:avLst/>
          </a:prstGeom>
          <a:solidFill>
            <a:schemeClr val="accent1">
              <a:lumMod val="60000"/>
              <a:lumOff val="4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0" i="0" u="none" strike="noStrike" kern="0" cap="none" spc="0" normalizeH="0" baseline="0" noProof="0">
                <a:ln>
                  <a:noFill/>
                </a:ln>
                <a:effectLst/>
                <a:uLnTx/>
                <a:uFillTx/>
                <a:ea typeface="Arial Unicode MS" pitchFamily="34" charset="-128"/>
                <a:cs typeface="Arial Unicode MS" pitchFamily="34" charset="-128"/>
              </a:rPr>
              <a:t>API Accesses</a:t>
            </a:r>
          </a:p>
        </p:txBody>
      </p:sp>
      <p:pic>
        <p:nvPicPr>
          <p:cNvPr id="27" name="Picture 26">
            <a:extLst>
              <a:ext uri="{FF2B5EF4-FFF2-40B4-BE49-F238E27FC236}">
                <a16:creationId xmlns:a16="http://schemas.microsoft.com/office/drawing/2014/main" id="{E502E2A2-BBD5-8932-6E16-A891ED6E4AB9}"/>
              </a:ext>
            </a:extLst>
          </p:cNvPr>
          <p:cNvPicPr>
            <a:picLocks noChangeAspect="1"/>
          </p:cNvPicPr>
          <p:nvPr/>
        </p:nvPicPr>
        <p:blipFill>
          <a:blip r:embed="rId7"/>
          <a:stretch>
            <a:fillRect/>
          </a:stretch>
        </p:blipFill>
        <p:spPr>
          <a:xfrm>
            <a:off x="11293151" y="-9748"/>
            <a:ext cx="980725" cy="980725"/>
          </a:xfrm>
          <a:prstGeom prst="rect">
            <a:avLst/>
          </a:prstGeom>
        </p:spPr>
      </p:pic>
    </p:spTree>
    <p:extLst>
      <p:ext uri="{BB962C8B-B14F-4D97-AF65-F5344CB8AC3E}">
        <p14:creationId xmlns:p14="http://schemas.microsoft.com/office/powerpoint/2010/main" val="406043273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p:txBody>
          <a:bodyPr/>
          <a:lstStyle/>
          <a:p>
            <a:r>
              <a:rPr lang="en-US"/>
              <a:t>Data Set</a:t>
            </a:r>
          </a:p>
        </p:txBody>
      </p:sp>
      <p:pic>
        <p:nvPicPr>
          <p:cNvPr id="12" name="Picture 11">
            <a:extLst>
              <a:ext uri="{FF2B5EF4-FFF2-40B4-BE49-F238E27FC236}">
                <a16:creationId xmlns:a16="http://schemas.microsoft.com/office/drawing/2014/main" id="{20CEF154-A82D-CAF2-59C4-83251832B93C}"/>
              </a:ext>
            </a:extLst>
          </p:cNvPr>
          <p:cNvPicPr>
            <a:picLocks noChangeAspect="1"/>
          </p:cNvPicPr>
          <p:nvPr/>
        </p:nvPicPr>
        <p:blipFill>
          <a:blip r:embed="rId5"/>
          <a:stretch>
            <a:fillRect/>
          </a:stretch>
        </p:blipFill>
        <p:spPr>
          <a:xfrm>
            <a:off x="11293151" y="-9748"/>
            <a:ext cx="980725" cy="980725"/>
          </a:xfrm>
          <a:prstGeom prst="rect">
            <a:avLst/>
          </a:prstGeom>
        </p:spPr>
      </p:pic>
      <p:pic>
        <p:nvPicPr>
          <p:cNvPr id="3076" name="Picture 4">
            <a:extLst>
              <a:ext uri="{FF2B5EF4-FFF2-40B4-BE49-F238E27FC236}">
                <a16:creationId xmlns:a16="http://schemas.microsoft.com/office/drawing/2014/main" id="{EB6294B0-A940-AF5A-CC69-B3A8BB90DE1A}"/>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6709080" y="1166103"/>
            <a:ext cx="4932571" cy="5050654"/>
          </a:xfrm>
          <a:prstGeom prst="rect">
            <a:avLst/>
          </a:prstGeom>
          <a:noFill/>
          <a:effectLst>
            <a:outerShdw blurRad="50800" dist="38100" dir="5400000" algn="t" rotWithShape="0">
              <a:prstClr val="black">
                <a:alpha val="40000"/>
              </a:prstClr>
            </a:outerShdw>
          </a:effectLst>
          <a:extLst>
            <a:ext uri="{909E8E84-426E-40DD-AFC4-6F175D3DCCD1}">
              <a14:hiddenFill xmlns:a14="http://schemas.microsoft.com/office/drawing/2010/main">
                <a:solidFill>
                  <a:srgbClr val="FFFFFF"/>
                </a:solidFill>
              </a14:hiddenFill>
            </a:ext>
          </a:extLst>
        </p:spPr>
      </p:pic>
      <p:sp>
        <p:nvSpPr>
          <p:cNvPr id="2" name="Text Placeholder 1">
            <a:extLst>
              <a:ext uri="{FF2B5EF4-FFF2-40B4-BE49-F238E27FC236}">
                <a16:creationId xmlns:a16="http://schemas.microsoft.com/office/drawing/2014/main" id="{15300F34-0EFA-B8BD-3B3C-B6C836E18193}"/>
              </a:ext>
            </a:extLst>
          </p:cNvPr>
          <p:cNvSpPr>
            <a:spLocks noGrp="1"/>
          </p:cNvSpPr>
          <p:nvPr>
            <p:ph type="body" sz="quarter" idx="10"/>
          </p:nvPr>
        </p:nvSpPr>
        <p:spPr>
          <a:xfrm>
            <a:off x="503999" y="1207970"/>
            <a:ext cx="5793387" cy="4966920"/>
          </a:xfrm>
        </p:spPr>
        <p:txBody>
          <a:bodyPr>
            <a:normAutofit/>
          </a:bodyPr>
          <a:lstStyle/>
          <a:p>
            <a:r>
              <a:rPr lang="en-US" b="1" i="0">
                <a:effectLst/>
                <a:latin typeface="+mj-lt"/>
              </a:rPr>
              <a:t>BIRDS 525 SPECIES – IMAGE CLASSIFICATION</a:t>
            </a:r>
          </a:p>
          <a:p>
            <a:pPr marL="342900" indent="-342900">
              <a:buFont typeface="Arial" panose="020B0604020202020204" pitchFamily="34" charset="0"/>
              <a:buChar char="•"/>
            </a:pPr>
            <a:r>
              <a:rPr lang="en-US">
                <a:latin typeface="+mj-lt"/>
              </a:rPr>
              <a:t>89.884 images in 525 classes</a:t>
            </a:r>
          </a:p>
          <a:p>
            <a:pPr marL="342900" indent="-342900">
              <a:buFont typeface="Arial" panose="020B0604020202020204" pitchFamily="34" charset="0"/>
              <a:buChar char="•"/>
            </a:pPr>
            <a:r>
              <a:rPr lang="en-US">
                <a:latin typeface="+mj-lt"/>
              </a:rPr>
              <a:t>224x224x3 jpg images</a:t>
            </a:r>
          </a:p>
          <a:p>
            <a:pPr marL="342900" marR="0" indent="-342900" defTabSz="914400" eaLnBrk="1" fontAlgn="base" latinLnBrk="0" hangingPunct="1">
              <a:lnSpc>
                <a:spcPct val="100000"/>
              </a:lnSpc>
              <a:spcBef>
                <a:spcPct val="50000"/>
              </a:spcBef>
              <a:spcAft>
                <a:spcPct val="0"/>
              </a:spcAft>
              <a:buClr>
                <a:srgbClr val="F0AB00"/>
              </a:buClr>
              <a:buSzPct val="80000"/>
              <a:buFont typeface="Arial" panose="020B0604020202020204" pitchFamily="34" charset="0"/>
              <a:buChar char="•"/>
              <a:tabLst/>
            </a:pPr>
            <a:r>
              <a:rPr kumimoji="0" lang="en-US" b="0" i="0" u="none" strike="noStrike" kern="0" cap="none" spc="0" normalizeH="0" baseline="0" noProof="0">
                <a:ln>
                  <a:noFill/>
                </a:ln>
                <a:effectLst/>
                <a:uLnTx/>
                <a:uFillTx/>
                <a:latin typeface="+mj-lt"/>
                <a:ea typeface="Arial Unicode MS" pitchFamily="34" charset="-128"/>
                <a:cs typeface="Arial Unicode MS" pitchFamily="34" charset="-128"/>
              </a:rPr>
              <a:t>~ 85k train </a:t>
            </a:r>
            <a:r>
              <a:rPr kumimoji="0" lang="en-US" b="0" i="0" u="none" strike="noStrike" kern="0" cap="none" spc="0" normalizeH="0" baseline="0" noProof="0" err="1">
                <a:ln>
                  <a:noFill/>
                </a:ln>
                <a:effectLst/>
                <a:uLnTx/>
                <a:uFillTx/>
                <a:latin typeface="+mj-lt"/>
                <a:ea typeface="Arial Unicode MS" pitchFamily="34" charset="-128"/>
                <a:cs typeface="Arial Unicode MS" pitchFamily="34" charset="-128"/>
              </a:rPr>
              <a:t>im</a:t>
            </a:r>
            <a:r>
              <a:rPr lang="en-US" kern="0">
                <a:latin typeface="+mj-lt"/>
                <a:ea typeface="Arial Unicode MS" pitchFamily="34" charset="-128"/>
                <a:cs typeface="Arial Unicode MS" pitchFamily="34" charset="-128"/>
              </a:rPr>
              <a:t>ages</a:t>
            </a:r>
          </a:p>
          <a:p>
            <a:pPr marL="522864" lvl="1" indent="-342900" defTabSz="914400" fontAlgn="base">
              <a:spcBef>
                <a:spcPct val="50000"/>
              </a:spcBef>
              <a:spcAft>
                <a:spcPct val="0"/>
              </a:spcAft>
              <a:buClr>
                <a:srgbClr val="F0AB00"/>
              </a:buClr>
              <a:buSzPct val="80000"/>
              <a:buFont typeface="Arial" panose="020B0604020202020204" pitchFamily="34" charset="0"/>
              <a:buChar char="•"/>
            </a:pPr>
            <a:r>
              <a:rPr lang="en-US" kern="0">
                <a:latin typeface="+mj-lt"/>
                <a:ea typeface="Arial Unicode MS" pitchFamily="34" charset="-128"/>
                <a:cs typeface="Arial Unicode MS" pitchFamily="34" charset="-128"/>
              </a:rPr>
              <a:t>Min/Max number of samples: 140/273</a:t>
            </a:r>
          </a:p>
          <a:p>
            <a:pPr marL="522864" lvl="1" indent="-342900" defTabSz="914400" fontAlgn="base">
              <a:spcBef>
                <a:spcPct val="50000"/>
              </a:spcBef>
              <a:spcAft>
                <a:spcPct val="0"/>
              </a:spcAft>
              <a:buClr>
                <a:srgbClr val="F0AB00"/>
              </a:buClr>
              <a:buSzPct val="80000"/>
              <a:buFont typeface="Arial" panose="020B0604020202020204" pitchFamily="34" charset="0"/>
              <a:buChar char="•"/>
            </a:pPr>
            <a:r>
              <a:rPr lang="en-US" kern="0">
                <a:latin typeface="+mj-lt"/>
                <a:ea typeface="Arial Unicode MS" pitchFamily="34" charset="-128"/>
                <a:cs typeface="Arial Unicode MS" pitchFamily="34" charset="-128"/>
              </a:rPr>
              <a:t>~ 80% of classes have 150-200 samples </a:t>
            </a:r>
          </a:p>
          <a:p>
            <a:pPr marL="342900" marR="0" indent="-342900" defTabSz="914400" eaLnBrk="1" fontAlgn="base" latinLnBrk="0" hangingPunct="1">
              <a:lnSpc>
                <a:spcPct val="100000"/>
              </a:lnSpc>
              <a:spcBef>
                <a:spcPct val="50000"/>
              </a:spcBef>
              <a:spcAft>
                <a:spcPct val="0"/>
              </a:spcAft>
              <a:buClr>
                <a:srgbClr val="F0AB00"/>
              </a:buClr>
              <a:buSzPct val="80000"/>
              <a:buFont typeface="Arial" panose="020B0604020202020204" pitchFamily="34" charset="0"/>
              <a:buChar char="•"/>
              <a:tabLst/>
            </a:pPr>
            <a:r>
              <a:rPr kumimoji="0" lang="en-US" b="0" i="0" u="none" strike="noStrike" kern="0" cap="none" spc="0" normalizeH="0" baseline="0" noProof="0">
                <a:ln>
                  <a:noFill/>
                </a:ln>
                <a:effectLst/>
                <a:uLnTx/>
                <a:uFillTx/>
                <a:latin typeface="+mj-lt"/>
                <a:ea typeface="Arial Unicode MS" pitchFamily="34" charset="-128"/>
                <a:cs typeface="Arial Unicode MS" pitchFamily="34" charset="-128"/>
              </a:rPr>
              <a:t>~ 2,6k</a:t>
            </a:r>
            <a:r>
              <a:rPr lang="en-US" kern="0">
                <a:latin typeface="+mj-lt"/>
                <a:ea typeface="Arial Unicode MS" pitchFamily="34" charset="-128"/>
                <a:cs typeface="Arial Unicode MS" pitchFamily="34" charset="-128"/>
              </a:rPr>
              <a:t> test/valid images (5 images/class)</a:t>
            </a:r>
          </a:p>
          <a:p>
            <a:pPr marL="342900" marR="0" indent="-342900" defTabSz="914400" eaLnBrk="1" fontAlgn="base" latinLnBrk="0" hangingPunct="1">
              <a:lnSpc>
                <a:spcPct val="100000"/>
              </a:lnSpc>
              <a:spcBef>
                <a:spcPct val="50000"/>
              </a:spcBef>
              <a:spcAft>
                <a:spcPct val="0"/>
              </a:spcAft>
              <a:buClr>
                <a:srgbClr val="F0AB00"/>
              </a:buClr>
              <a:buSzPct val="80000"/>
              <a:buFont typeface="Arial" panose="020B0604020202020204" pitchFamily="34" charset="0"/>
              <a:buChar char="•"/>
              <a:tabLst/>
            </a:pPr>
            <a:r>
              <a:rPr lang="en-US" b="1" kern="0">
                <a:latin typeface="+mj-lt"/>
                <a:ea typeface="Arial Unicode MS" pitchFamily="34" charset="-128"/>
                <a:cs typeface="Arial Unicode MS" pitchFamily="34" charset="-128"/>
              </a:rPr>
              <a:t>Peculiarities</a:t>
            </a:r>
          </a:p>
          <a:p>
            <a:pPr marL="522864" lvl="1" indent="-342900" defTabSz="914400" fontAlgn="base">
              <a:spcBef>
                <a:spcPct val="50000"/>
              </a:spcBef>
              <a:spcAft>
                <a:spcPct val="0"/>
              </a:spcAft>
              <a:buClr>
                <a:srgbClr val="F0AB00"/>
              </a:buClr>
              <a:buSzPct val="80000"/>
              <a:buFont typeface="Arial" panose="020B0604020202020204" pitchFamily="34" charset="0"/>
              <a:buChar char="•"/>
            </a:pPr>
            <a:r>
              <a:rPr lang="en-US" kern="0">
                <a:latin typeface="+mj-lt"/>
                <a:ea typeface="Arial Unicode MS" pitchFamily="34" charset="-128"/>
                <a:cs typeface="Arial Unicode MS" pitchFamily="34" charset="-128"/>
              </a:rPr>
              <a:t>High quality images</a:t>
            </a:r>
          </a:p>
          <a:p>
            <a:pPr marL="522864" lvl="1" indent="-342900" defTabSz="914400" fontAlgn="base">
              <a:spcBef>
                <a:spcPct val="50000"/>
              </a:spcBef>
              <a:spcAft>
                <a:spcPct val="0"/>
              </a:spcAft>
              <a:buClr>
                <a:srgbClr val="F0AB00"/>
              </a:buClr>
              <a:buSzPct val="80000"/>
              <a:buFont typeface="Arial" panose="020B0604020202020204" pitchFamily="34" charset="0"/>
              <a:buChar char="•"/>
            </a:pPr>
            <a:r>
              <a:rPr lang="en-US" kern="0">
                <a:latin typeface="+mj-lt"/>
                <a:ea typeface="Arial Unicode MS" pitchFamily="34" charset="-128"/>
                <a:cs typeface="Arial Unicode MS" pitchFamily="34" charset="-128"/>
              </a:rPr>
              <a:t>Male/Female ratio 80/20</a:t>
            </a:r>
          </a:p>
          <a:p>
            <a:pPr marL="522864" lvl="1" indent="-342900" defTabSz="914400" fontAlgn="base">
              <a:spcBef>
                <a:spcPct val="50000"/>
              </a:spcBef>
              <a:spcAft>
                <a:spcPct val="0"/>
              </a:spcAft>
              <a:buClr>
                <a:srgbClr val="F0AB00"/>
              </a:buClr>
              <a:buSzPct val="80000"/>
              <a:buFont typeface="Arial" panose="020B0604020202020204" pitchFamily="34" charset="0"/>
              <a:buChar char="•"/>
            </a:pPr>
            <a:r>
              <a:rPr lang="en-US" kern="0">
                <a:latin typeface="+mj-lt"/>
                <a:ea typeface="Arial Unicode MS" pitchFamily="34" charset="-128"/>
                <a:cs typeface="Arial Unicode MS" pitchFamily="34" charset="-128"/>
              </a:rPr>
              <a:t>Test / Validation sets mainly male birds</a:t>
            </a:r>
          </a:p>
        </p:txBody>
      </p:sp>
    </p:spTree>
    <p:custDataLst>
      <p:custData r:id="rId1"/>
      <p:custData r:id="rId2"/>
    </p:custDataLst>
    <p:extLst>
      <p:ext uri="{BB962C8B-B14F-4D97-AF65-F5344CB8AC3E}">
        <p14:creationId xmlns:p14="http://schemas.microsoft.com/office/powerpoint/2010/main" val="30442536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9F9419D-860C-5BAE-81D1-192F565493E1}"/>
              </a:ext>
            </a:extLst>
          </p:cNvPr>
          <p:cNvPicPr>
            <a:picLocks noChangeAspect="1"/>
          </p:cNvPicPr>
          <p:nvPr/>
        </p:nvPicPr>
        <p:blipFill>
          <a:blip r:embed="rId4"/>
          <a:stretch>
            <a:fillRect/>
          </a:stretch>
        </p:blipFill>
        <p:spPr>
          <a:xfrm>
            <a:off x="1479855" y="780972"/>
            <a:ext cx="9235465" cy="5883885"/>
          </a:xfrm>
          <a:prstGeom prst="rect">
            <a:avLst/>
          </a:prstGeom>
        </p:spPr>
      </p:pic>
      <p:sp>
        <p:nvSpPr>
          <p:cNvPr id="24" name="Title"/>
          <p:cNvSpPr>
            <a:spLocks noGrp="1"/>
          </p:cNvSpPr>
          <p:nvPr>
            <p:ph type="title"/>
          </p:nvPr>
        </p:nvSpPr>
        <p:spPr bwMode="gray"/>
        <p:txBody>
          <a:bodyPr/>
          <a:lstStyle/>
          <a:p>
            <a:r>
              <a:rPr lang="en-US"/>
              <a:t>Architecture</a:t>
            </a:r>
          </a:p>
        </p:txBody>
      </p:sp>
      <p:pic>
        <p:nvPicPr>
          <p:cNvPr id="5" name="Picture 4">
            <a:extLst>
              <a:ext uri="{FF2B5EF4-FFF2-40B4-BE49-F238E27FC236}">
                <a16:creationId xmlns:a16="http://schemas.microsoft.com/office/drawing/2014/main" id="{1CBED4CE-2F0C-458E-D989-44B3874F0C9D}"/>
              </a:ext>
            </a:extLst>
          </p:cNvPr>
          <p:cNvPicPr>
            <a:picLocks noChangeAspect="1"/>
          </p:cNvPicPr>
          <p:nvPr/>
        </p:nvPicPr>
        <p:blipFill>
          <a:blip r:embed="rId5"/>
          <a:stretch>
            <a:fillRect/>
          </a:stretch>
        </p:blipFill>
        <p:spPr>
          <a:xfrm>
            <a:off x="11293151" y="-9748"/>
            <a:ext cx="980725" cy="980725"/>
          </a:xfrm>
          <a:prstGeom prst="rect">
            <a:avLst/>
          </a:prstGeom>
        </p:spPr>
      </p:pic>
    </p:spTree>
    <p:custDataLst>
      <p:custData r:id="rId1"/>
      <p:custData r:id="rId2"/>
    </p:custDataLst>
    <p:extLst>
      <p:ext uri="{BB962C8B-B14F-4D97-AF65-F5344CB8AC3E}">
        <p14:creationId xmlns:p14="http://schemas.microsoft.com/office/powerpoint/2010/main" val="187669802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p:txBody>
          <a:bodyPr/>
          <a:lstStyle/>
          <a:p>
            <a:r>
              <a:rPr lang="en-US"/>
              <a:t>Front- and Backend</a:t>
            </a:r>
          </a:p>
        </p:txBody>
      </p:sp>
      <p:sp>
        <p:nvSpPr>
          <p:cNvPr id="2" name="Text Placeholder 1">
            <a:extLst>
              <a:ext uri="{FF2B5EF4-FFF2-40B4-BE49-F238E27FC236}">
                <a16:creationId xmlns:a16="http://schemas.microsoft.com/office/drawing/2014/main" id="{E38E81FA-BD36-D246-A0BA-94256E3D831A}"/>
              </a:ext>
            </a:extLst>
          </p:cNvPr>
          <p:cNvSpPr>
            <a:spLocks noGrp="1"/>
          </p:cNvSpPr>
          <p:nvPr>
            <p:ph type="body" sz="quarter" idx="10"/>
          </p:nvPr>
        </p:nvSpPr>
        <p:spPr>
          <a:xfrm>
            <a:off x="1174511" y="2100815"/>
            <a:ext cx="4252382" cy="3558284"/>
          </a:xfrm>
        </p:spPr>
        <p:txBody>
          <a:bodyPr>
            <a:normAutofit lnSpcReduction="10000"/>
          </a:bodyPr>
          <a:lstStyle/>
          <a:p>
            <a:pPr marL="342900" indent="-342900">
              <a:buFont typeface="Arial" panose="020B0604020202020204" pitchFamily="34" charset="0"/>
              <a:buChar char="•"/>
            </a:pPr>
            <a:r>
              <a:rPr lang="en-US"/>
              <a:t>Next.js </a:t>
            </a:r>
          </a:p>
          <a:p>
            <a:pPr marL="342900" indent="-342900">
              <a:buFont typeface="Arial" panose="020B0604020202020204" pitchFamily="34" charset="0"/>
              <a:buChar char="•"/>
            </a:pPr>
            <a:r>
              <a:rPr lang="en-US"/>
              <a:t>Simple user interface </a:t>
            </a:r>
          </a:p>
          <a:p>
            <a:pPr marL="342900" indent="-342900">
              <a:buFont typeface="Arial" panose="020B0604020202020204" pitchFamily="34" charset="0"/>
              <a:buChar char="•"/>
            </a:pPr>
            <a:r>
              <a:rPr lang="en-US">
                <a:sym typeface="Wingdings" panose="05000000000000000000" pitchFamily="2" charset="2"/>
              </a:rPr>
              <a:t>Single-page application</a:t>
            </a:r>
            <a:endParaRPr lang="en-US"/>
          </a:p>
          <a:p>
            <a:pPr marL="342900" indent="-342900">
              <a:buFont typeface="Arial" panose="020B0604020202020204" pitchFamily="34" charset="0"/>
              <a:buChar char="•"/>
            </a:pPr>
            <a:r>
              <a:rPr lang="en-US"/>
              <a:t>Upload image for classification </a:t>
            </a:r>
          </a:p>
          <a:p>
            <a:pPr marL="342900" indent="-342900">
              <a:buFont typeface="Arial" panose="020B0604020202020204" pitchFamily="34" charset="0"/>
              <a:buChar char="•"/>
            </a:pPr>
            <a:r>
              <a:rPr lang="en-US"/>
              <a:t>Display uploaded image and name of bird species</a:t>
            </a:r>
          </a:p>
          <a:p>
            <a:pPr marL="342900" indent="-342900">
              <a:buFont typeface="Arial" panose="020B0604020202020204" pitchFamily="34" charset="0"/>
              <a:buChar char="•"/>
            </a:pPr>
            <a:r>
              <a:rPr lang="en-US"/>
              <a:t>Show either Wikipedia summary or page of species </a:t>
            </a:r>
          </a:p>
          <a:p>
            <a:pPr marL="342900" indent="-342900">
              <a:buFont typeface="Arial" panose="020B0604020202020204" pitchFamily="34" charset="0"/>
              <a:buChar char="•"/>
            </a:pPr>
            <a:endParaRPr lang="en-US"/>
          </a:p>
        </p:txBody>
      </p:sp>
      <p:sp>
        <p:nvSpPr>
          <p:cNvPr id="4" name="Text Placeholder 1">
            <a:extLst>
              <a:ext uri="{FF2B5EF4-FFF2-40B4-BE49-F238E27FC236}">
                <a16:creationId xmlns:a16="http://schemas.microsoft.com/office/drawing/2014/main" id="{7F34B55A-2E1F-5490-5FCD-FE83FA825A49}"/>
              </a:ext>
            </a:extLst>
          </p:cNvPr>
          <p:cNvSpPr txBox="1">
            <a:spLocks/>
          </p:cNvSpPr>
          <p:nvPr/>
        </p:nvSpPr>
        <p:spPr bwMode="black">
          <a:xfrm>
            <a:off x="6615492" y="2100815"/>
            <a:ext cx="4564031" cy="3879950"/>
          </a:xfrm>
          <a:prstGeom prst="rect">
            <a:avLst/>
          </a:prstGeom>
        </p:spPr>
        <p:txBody>
          <a:bodyPr vert="horz" lIns="0" tIns="0" rIns="0" bIns="0" rtlCol="0">
            <a:normAutofit lnSpcReduction="10000"/>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342900" indent="-342900">
              <a:buFont typeface="Arial" panose="020B0604020202020204" pitchFamily="34" charset="0"/>
              <a:buChar char="•"/>
            </a:pPr>
            <a:r>
              <a:rPr lang="en-US"/>
              <a:t>API endpoints using </a:t>
            </a:r>
            <a:r>
              <a:rPr lang="en-US" err="1"/>
              <a:t>FastAPI</a:t>
            </a:r>
            <a:endParaRPr lang="en-US"/>
          </a:p>
          <a:p>
            <a:pPr marL="342900" indent="-342900">
              <a:buFont typeface="Arial" panose="020B0604020202020204" pitchFamily="34" charset="0"/>
              <a:buChar char="•"/>
            </a:pPr>
            <a:r>
              <a:rPr lang="en-US"/>
              <a:t>Integration of model for bird image classification</a:t>
            </a:r>
          </a:p>
          <a:p>
            <a:pPr marL="342900" indent="-342900">
              <a:buFont typeface="Arial" panose="020B0604020202020204" pitchFamily="34" charset="0"/>
              <a:buChar char="•"/>
            </a:pPr>
            <a:r>
              <a:rPr lang="en-US"/>
              <a:t>Submission of input to backend</a:t>
            </a:r>
          </a:p>
          <a:p>
            <a:pPr marL="342900" indent="-342900">
              <a:buFont typeface="Arial" panose="020B0604020202020204" pitchFamily="34" charset="0"/>
              <a:buChar char="•"/>
            </a:pPr>
            <a:r>
              <a:rPr lang="en-US"/>
              <a:t>Google Search: Search for Wikipedia page of bird species</a:t>
            </a:r>
          </a:p>
          <a:p>
            <a:pPr marL="342900" indent="-342900">
              <a:buFont typeface="Arial" panose="020B0604020202020204" pitchFamily="34" charset="0"/>
              <a:buChar char="•"/>
            </a:pPr>
            <a:r>
              <a:rPr lang="en-US"/>
              <a:t>Wikipedia integration: summary or page </a:t>
            </a:r>
          </a:p>
          <a:p>
            <a:pPr marL="342900" indent="-342900">
              <a:buFont typeface="Arial" panose="020B0604020202020204" pitchFamily="34" charset="0"/>
              <a:buChar char="•"/>
            </a:pPr>
            <a:r>
              <a:rPr lang="en-US"/>
              <a:t>Send content back to frontend </a:t>
            </a:r>
          </a:p>
          <a:p>
            <a:pPr marL="342900" indent="-342900">
              <a:buFont typeface="Arial" panose="020B0604020202020204" pitchFamily="34" charset="0"/>
              <a:buChar char="•"/>
            </a:pPr>
            <a:endParaRPr lang="en-US"/>
          </a:p>
        </p:txBody>
      </p:sp>
      <p:sp>
        <p:nvSpPr>
          <p:cNvPr id="5" name="Rectangle: Rounded Corners 4">
            <a:extLst>
              <a:ext uri="{FF2B5EF4-FFF2-40B4-BE49-F238E27FC236}">
                <a16:creationId xmlns:a16="http://schemas.microsoft.com/office/drawing/2014/main" id="{81426929-5CE4-BF81-1073-60DD89EFAE7C}"/>
              </a:ext>
            </a:extLst>
          </p:cNvPr>
          <p:cNvSpPr/>
          <p:nvPr/>
        </p:nvSpPr>
        <p:spPr bwMode="gray">
          <a:xfrm>
            <a:off x="2251183" y="1198901"/>
            <a:ext cx="1953296" cy="455054"/>
          </a:xfrm>
          <a:prstGeom prst="roundRect">
            <a:avLst/>
          </a:prstGeom>
          <a:solidFill>
            <a:schemeClr val="accent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de-DE" sz="1800" b="1" kern="0">
                <a:ea typeface="Arial Unicode MS" pitchFamily="34" charset="-128"/>
                <a:cs typeface="Arial Unicode MS" pitchFamily="34" charset="-128"/>
              </a:rPr>
              <a:t>Frontend</a:t>
            </a:r>
            <a:endParaRPr kumimoji="0" lang="de-DE" sz="1800" b="1" i="0" u="none" strike="noStrike" kern="0" cap="none" spc="0" normalizeH="0" baseline="0" noProof="0">
              <a:ln>
                <a:noFill/>
              </a:ln>
              <a:effectLst/>
              <a:uLnTx/>
              <a:uFillTx/>
              <a:ea typeface="Arial Unicode MS" pitchFamily="34" charset="-128"/>
              <a:cs typeface="Arial Unicode MS" pitchFamily="34" charset="-128"/>
            </a:endParaRPr>
          </a:p>
        </p:txBody>
      </p:sp>
      <p:sp>
        <p:nvSpPr>
          <p:cNvPr id="6" name="Rectangle: Rounded Corners 5">
            <a:extLst>
              <a:ext uri="{FF2B5EF4-FFF2-40B4-BE49-F238E27FC236}">
                <a16:creationId xmlns:a16="http://schemas.microsoft.com/office/drawing/2014/main" id="{89174401-CE00-2EB9-089F-686EB063F7D3}"/>
              </a:ext>
            </a:extLst>
          </p:cNvPr>
          <p:cNvSpPr/>
          <p:nvPr/>
        </p:nvSpPr>
        <p:spPr bwMode="gray">
          <a:xfrm>
            <a:off x="7837909" y="1198901"/>
            <a:ext cx="1953296" cy="455054"/>
          </a:xfrm>
          <a:prstGeom prst="roundRect">
            <a:avLst/>
          </a:prstGeom>
          <a:solidFill>
            <a:schemeClr val="accent1"/>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800" b="1" i="0" u="none" strike="noStrike" kern="0" cap="none" spc="0" normalizeH="0" baseline="0" noProof="0">
                <a:ln>
                  <a:noFill/>
                </a:ln>
                <a:effectLst/>
                <a:uLnTx/>
                <a:uFillTx/>
                <a:ea typeface="Arial Unicode MS" pitchFamily="34" charset="-128"/>
                <a:cs typeface="Arial Unicode MS" pitchFamily="34" charset="-128"/>
              </a:rPr>
              <a:t>Backend</a:t>
            </a:r>
          </a:p>
        </p:txBody>
      </p:sp>
      <p:cxnSp>
        <p:nvCxnSpPr>
          <p:cNvPr id="8" name="Straight Connector 7">
            <a:extLst>
              <a:ext uri="{FF2B5EF4-FFF2-40B4-BE49-F238E27FC236}">
                <a16:creationId xmlns:a16="http://schemas.microsoft.com/office/drawing/2014/main" id="{E78BA74A-C632-0A23-4102-03335362FC62}"/>
              </a:ext>
            </a:extLst>
          </p:cNvPr>
          <p:cNvCxnSpPr>
            <a:cxnSpLocks/>
          </p:cNvCxnSpPr>
          <p:nvPr/>
        </p:nvCxnSpPr>
        <p:spPr>
          <a:xfrm>
            <a:off x="6021194" y="1300765"/>
            <a:ext cx="0" cy="4680000"/>
          </a:xfrm>
          <a:prstGeom prst="line">
            <a:avLst/>
          </a:prstGeom>
          <a:ln w="57150">
            <a:solidFill>
              <a:schemeClr val="accent1"/>
            </a:solidFill>
            <a:prstDash val="dash"/>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13" name="Picture 12">
            <a:extLst>
              <a:ext uri="{FF2B5EF4-FFF2-40B4-BE49-F238E27FC236}">
                <a16:creationId xmlns:a16="http://schemas.microsoft.com/office/drawing/2014/main" id="{2E35CE4A-39EF-3067-7600-48A868FEE6B8}"/>
              </a:ext>
            </a:extLst>
          </p:cNvPr>
          <p:cNvPicPr>
            <a:picLocks noChangeAspect="1"/>
          </p:cNvPicPr>
          <p:nvPr/>
        </p:nvPicPr>
        <p:blipFill>
          <a:blip r:embed="rId5"/>
          <a:stretch>
            <a:fillRect/>
          </a:stretch>
        </p:blipFill>
        <p:spPr>
          <a:xfrm>
            <a:off x="11293151" y="-9748"/>
            <a:ext cx="980725" cy="980725"/>
          </a:xfrm>
          <a:prstGeom prst="rect">
            <a:avLst/>
          </a:prstGeom>
        </p:spPr>
      </p:pic>
    </p:spTree>
    <p:custDataLst>
      <p:custData r:id="rId1"/>
      <p:custData r:id="rId2"/>
    </p:custDataLst>
    <p:extLst>
      <p:ext uri="{BB962C8B-B14F-4D97-AF65-F5344CB8AC3E}">
        <p14:creationId xmlns:p14="http://schemas.microsoft.com/office/powerpoint/2010/main" val="148630867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4001" y="504000"/>
            <a:ext cx="11186476" cy="369332"/>
          </a:xfrm>
        </p:spPr>
        <p:txBody>
          <a:bodyPr/>
          <a:lstStyle/>
          <a:p>
            <a:r>
              <a:rPr lang="en-US"/>
              <a:t>Model - </a:t>
            </a:r>
            <a:r>
              <a:rPr lang="en-US" err="1">
                <a:solidFill>
                  <a:schemeClr val="accent1"/>
                </a:solidFill>
              </a:rPr>
              <a:t>EfficientNet</a:t>
            </a:r>
            <a:endParaRPr lang="en-US">
              <a:solidFill>
                <a:schemeClr val="accent1"/>
              </a:solidFill>
            </a:endParaRPr>
          </a:p>
        </p:txBody>
      </p:sp>
      <p:sp>
        <p:nvSpPr>
          <p:cNvPr id="2" name="Text Placeholder 1">
            <a:extLst>
              <a:ext uri="{FF2B5EF4-FFF2-40B4-BE49-F238E27FC236}">
                <a16:creationId xmlns:a16="http://schemas.microsoft.com/office/drawing/2014/main" id="{E38E81FA-BD36-D246-A0BA-94256E3D831A}"/>
              </a:ext>
            </a:extLst>
          </p:cNvPr>
          <p:cNvSpPr>
            <a:spLocks noGrp="1"/>
          </p:cNvSpPr>
          <p:nvPr>
            <p:ph type="body" sz="quarter" idx="10"/>
          </p:nvPr>
        </p:nvSpPr>
        <p:spPr>
          <a:xfrm>
            <a:off x="504001" y="1777481"/>
            <a:ext cx="4316993" cy="3730434"/>
          </a:xfrm>
        </p:spPr>
        <p:txBody>
          <a:bodyPr>
            <a:normAutofit lnSpcReduction="10000"/>
          </a:bodyPr>
          <a:lstStyle/>
          <a:p>
            <a:r>
              <a:rPr lang="en-US" dirty="0"/>
              <a:t>Developed by Google Researchers</a:t>
            </a:r>
          </a:p>
          <a:p>
            <a:r>
              <a:rPr lang="en-US" dirty="0"/>
              <a:t>Uses compound scaling</a:t>
            </a:r>
          </a:p>
          <a:p>
            <a:pPr marL="342900" indent="-342900">
              <a:buFont typeface="Wingdings" panose="05000000000000000000" pitchFamily="2" charset="2"/>
              <a:buChar char="Ø"/>
            </a:pPr>
            <a:r>
              <a:rPr lang="en-US" dirty="0"/>
              <a:t>Scales depth, width and resolution all together</a:t>
            </a:r>
          </a:p>
          <a:p>
            <a:pPr marL="342900" indent="-342900">
              <a:buFont typeface="Wingdings" panose="05000000000000000000" pitchFamily="2" charset="2"/>
              <a:buChar char="Ø"/>
            </a:pPr>
            <a:r>
              <a:rPr lang="en-US" dirty="0"/>
              <a:t>Strong baseline model</a:t>
            </a:r>
          </a:p>
          <a:p>
            <a:r>
              <a:rPr lang="en-US" dirty="0"/>
              <a:t>Benefits:</a:t>
            </a:r>
          </a:p>
          <a:p>
            <a:pPr marL="342900" indent="-342900">
              <a:buFont typeface="Arial" panose="020B0604020202020204" pitchFamily="34" charset="0"/>
              <a:buChar char="•"/>
            </a:pPr>
            <a:r>
              <a:rPr lang="en-US" dirty="0"/>
              <a:t>Parameter </a:t>
            </a:r>
            <a:r>
              <a:rPr lang="en-US" dirty="0">
                <a:latin typeface="Assistant" pitchFamily="2" charset="-79"/>
                <a:cs typeface="Assistant" pitchFamily="2" charset="-79"/>
              </a:rPr>
              <a:t>▼</a:t>
            </a:r>
            <a:r>
              <a:rPr lang="en-US" dirty="0"/>
              <a:t> Performance </a:t>
            </a:r>
            <a:r>
              <a:rPr lang="en-US" dirty="0">
                <a:latin typeface="Assistant" pitchFamily="2" charset="-79"/>
                <a:cs typeface="Assistant" pitchFamily="2" charset="-79"/>
              </a:rPr>
              <a:t>▲</a:t>
            </a:r>
          </a:p>
          <a:p>
            <a:pPr marL="342900" indent="-342900">
              <a:buFont typeface="Arial" panose="020B0604020202020204" pitchFamily="34" charset="0"/>
              <a:buChar char="•"/>
            </a:pPr>
            <a:r>
              <a:rPr lang="en-US" dirty="0"/>
              <a:t>Computing cost </a:t>
            </a:r>
            <a:r>
              <a:rPr lang="en-US" dirty="0">
                <a:latin typeface="Assistant" pitchFamily="2" charset="-79"/>
                <a:cs typeface="Assistant" pitchFamily="2" charset="-79"/>
              </a:rPr>
              <a:t>▼</a:t>
            </a:r>
            <a:r>
              <a:rPr lang="en-US" dirty="0"/>
              <a:t> Accuracy </a:t>
            </a:r>
            <a:r>
              <a:rPr lang="en-US" dirty="0">
                <a:latin typeface="Assistant" pitchFamily="2" charset="-79"/>
                <a:cs typeface="Assistant" pitchFamily="2" charset="-79"/>
              </a:rPr>
              <a:t>▲</a:t>
            </a:r>
          </a:p>
          <a:p>
            <a:endParaRPr lang="en-US" dirty="0">
              <a:latin typeface="Assistant" pitchFamily="2" charset="-79"/>
              <a:cs typeface="Assistant" pitchFamily="2" charset="-79"/>
            </a:endParaRPr>
          </a:p>
        </p:txBody>
      </p:sp>
      <p:pic>
        <p:nvPicPr>
          <p:cNvPr id="9" name="Picture 8">
            <a:extLst>
              <a:ext uri="{FF2B5EF4-FFF2-40B4-BE49-F238E27FC236}">
                <a16:creationId xmlns:a16="http://schemas.microsoft.com/office/drawing/2014/main" id="{C9E6574A-D5C3-B421-3B56-DB3AF6CA42DC}"/>
              </a:ext>
            </a:extLst>
          </p:cNvPr>
          <p:cNvPicPr>
            <a:picLocks noChangeAspect="1"/>
          </p:cNvPicPr>
          <p:nvPr/>
        </p:nvPicPr>
        <p:blipFill>
          <a:blip r:embed="rId4"/>
          <a:stretch>
            <a:fillRect/>
          </a:stretch>
        </p:blipFill>
        <p:spPr>
          <a:xfrm>
            <a:off x="11293151" y="-9748"/>
            <a:ext cx="980725" cy="980725"/>
          </a:xfrm>
          <a:prstGeom prst="rect">
            <a:avLst/>
          </a:prstGeom>
        </p:spPr>
      </p:pic>
      <p:grpSp>
        <p:nvGrpSpPr>
          <p:cNvPr id="4" name="Group 3">
            <a:extLst>
              <a:ext uri="{FF2B5EF4-FFF2-40B4-BE49-F238E27FC236}">
                <a16:creationId xmlns:a16="http://schemas.microsoft.com/office/drawing/2014/main" id="{1F776B00-B81E-1DDD-1701-3892DD90218A}"/>
              </a:ext>
            </a:extLst>
          </p:cNvPr>
          <p:cNvGrpSpPr/>
          <p:nvPr/>
        </p:nvGrpSpPr>
        <p:grpSpPr>
          <a:xfrm>
            <a:off x="6215744" y="1210774"/>
            <a:ext cx="5156768" cy="4436452"/>
            <a:chOff x="7047181" y="3446172"/>
            <a:chExt cx="3949773" cy="3298051"/>
          </a:xfrm>
        </p:grpSpPr>
        <p:grpSp>
          <p:nvGrpSpPr>
            <p:cNvPr id="8" name="Group 7">
              <a:extLst>
                <a:ext uri="{FF2B5EF4-FFF2-40B4-BE49-F238E27FC236}">
                  <a16:creationId xmlns:a16="http://schemas.microsoft.com/office/drawing/2014/main" id="{FA31236E-A833-67B9-CF39-24A89A9C8CBC}"/>
                </a:ext>
              </a:extLst>
            </p:cNvPr>
            <p:cNvGrpSpPr/>
            <p:nvPr/>
          </p:nvGrpSpPr>
          <p:grpSpPr>
            <a:xfrm>
              <a:off x="7047181" y="3446172"/>
              <a:ext cx="3949773" cy="3298051"/>
              <a:chOff x="7059144" y="467934"/>
              <a:chExt cx="3949773" cy="3298051"/>
            </a:xfrm>
          </p:grpSpPr>
          <p:pic>
            <p:nvPicPr>
              <p:cNvPr id="1026" name="Picture 2" descr="EfficientNet: Rethinking Model Scaling for Convolutional Neural Networks |  Papers With Code">
                <a:extLst>
                  <a:ext uri="{FF2B5EF4-FFF2-40B4-BE49-F238E27FC236}">
                    <a16:creationId xmlns:a16="http://schemas.microsoft.com/office/drawing/2014/main" id="{3A0D9239-8D5E-BA9B-68EA-AC11E7598D62}"/>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7059144" y="467934"/>
                <a:ext cx="3949773" cy="3143518"/>
              </a:xfrm>
              <a:prstGeom prst="rect">
                <a:avLst/>
              </a:prstGeom>
              <a:noFill/>
              <a:effectLst>
                <a:outerShdw blurRad="50800" dist="38100" dir="5400000" algn="t" rotWithShape="0">
                  <a:prstClr val="black">
                    <a:alpha val="40000"/>
                  </a:prstClr>
                </a:outerShdw>
              </a:effectLst>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14D42D18-43AE-7F1E-23CA-06232080FCE6}"/>
                  </a:ext>
                </a:extLst>
              </p:cNvPr>
              <p:cNvSpPr txBox="1"/>
              <p:nvPr/>
            </p:nvSpPr>
            <p:spPr>
              <a:xfrm>
                <a:off x="7059144" y="3612097"/>
                <a:ext cx="2615938" cy="153888"/>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de-DE" sz="1000" kern="0">
                    <a:ea typeface="Arial Unicode MS" pitchFamily="34" charset="-128"/>
                    <a:cs typeface="Arial Unicode MS" pitchFamily="34" charset="-128"/>
                  </a:rPr>
                  <a:t>https://arxiv.org/pdf/1905.11946.pdf</a:t>
                </a:r>
              </a:p>
            </p:txBody>
          </p:sp>
        </p:grpSp>
        <p:sp>
          <p:nvSpPr>
            <p:cNvPr id="3" name="Rectangle: Rounded Corners 2">
              <a:extLst>
                <a:ext uri="{FF2B5EF4-FFF2-40B4-BE49-F238E27FC236}">
                  <a16:creationId xmlns:a16="http://schemas.microsoft.com/office/drawing/2014/main" id="{3945C1E2-1C6D-5703-8BD3-0A8960142D39}"/>
                </a:ext>
              </a:extLst>
            </p:cNvPr>
            <p:cNvSpPr/>
            <p:nvPr/>
          </p:nvSpPr>
          <p:spPr bwMode="gray">
            <a:xfrm>
              <a:off x="7473043" y="4114801"/>
              <a:ext cx="332014" cy="299356"/>
            </a:xfrm>
            <a:prstGeom prst="roundRect">
              <a:avLst/>
            </a:prstGeom>
            <a:noFill/>
            <a:ln w="57150" algn="ctr">
              <a:solidFill>
                <a:schemeClr val="accent5">
                  <a:lumMod val="75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spTree>
    <p:custDataLst>
      <p:custData r:id="rId1"/>
      <p:custData r:id="rId2"/>
    </p:custDataLst>
    <p:extLst>
      <p:ext uri="{BB962C8B-B14F-4D97-AF65-F5344CB8AC3E}">
        <p14:creationId xmlns:p14="http://schemas.microsoft.com/office/powerpoint/2010/main" val="280293474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71.xml><?xml version="1.0" encoding="utf-8"?>
<p:tagLst xmlns:a="http://schemas.openxmlformats.org/drawingml/2006/main" xmlns:r="http://schemas.openxmlformats.org/officeDocument/2006/relationships" xmlns:p="http://schemas.openxmlformats.org/presentationml/2006/main">
  <p:tag name="CONTAINEDIMAGEPATH" val="C:\Users\I538992\AppData\Local\Templafy\AddIns\PowerPointVsto\download.jpeg"/>
</p:tagLst>
</file>

<file path=ppt/tags/tag372.xml><?xml version="1.0" encoding="utf-8"?>
<p:tagLst xmlns:a="http://schemas.openxmlformats.org/drawingml/2006/main" xmlns:r="http://schemas.openxmlformats.org/officeDocument/2006/relationships" xmlns:p="http://schemas.openxmlformats.org/presentationml/2006/main">
  <p:tag name="CONTAINEDIMAGEPATH" val="C:\Users\I538992\AppData\Local\Templafy\AddIns\PowerPointVsto\download.png"/>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2023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1_SAP 2023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3.xml><?xml version="1.0" encoding="utf-8"?>
<a:theme xmlns:a="http://schemas.openxmlformats.org/drawingml/2006/main" name="SAP 2023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1_16x9_black_and_white" id="{216A5BC3-3210-D145-B37A-A20539300A3E}" vid="{B1CCA417-3311-6E47-9308-B7B054F4E377}"/>
    </a:ext>
  </a:extLst>
</a:theme>
</file>

<file path=ppt/theme/theme4.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5.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shape","id":"650f3983-12b2-4bf1-8c6c-cc6708667ec2","elementConfiguration":{"binding":"{{DataSources.Classification[Form.Classification.Name].Display}}","type":"text","disableUpdates":false}},{"type":"shape","id":"9990c8d4-7743-4413-8425-dfb6a5ef10bd","elementConfiguration":{"binding":"{{ DataSources.Classification[Form.Classification.Name].Display}}","type":"text","disableUpdates":false}},{"type":"shape","id":"6353e921-2b3b-4b61-81c2-4e5eea97d202","elementConfiguration":{"binding":"{{ DataSources.Classification[Form.Classification.Name].Display}}","type":"text","disableUpdates":false}},{"type":"shape","id":"417181bc-d6c3-4ecf-b8d7-28aef55568b8","elementConfiguration":{"image":"{{Form.SAPLogo.LogoBlack}}","type":"image","disableUpdates":false}},{"type":"shape","id":"a74549f1-f0a5-43c7-88a1-87460eb01506","elementConfiguration":{"image":"{{Form.SAPLogo.SubbrandBlack}}","visibility":"{{IfElse(Equals(Form.SAPLogo.HideSubBrandShape, \"Yes\"), VisibilityType.Hidden, VisibilityType.Visible)}}","type":"image","disableUpdates":false}},{"type":"shape","id":"20347b45-f5b1-47db-8bb6-857ec3fc090c","elementConfiguration":{"binding":"{{DataSources.Classification[Form.Classification.Name].Display}}","type":"text","disableUpdates":false}},{"type":"shape","id":"ec3f1266-b1d2-476c-9685-42684afb097e","elementConfiguration":{"image":"{{Form.SAPLogo.LogoBlack}}","type":"image","disableUpdates":false}},{"type":"shape","id":"48e4d34d-bc6f-42c5-af7f-3e645dad114d","elementConfiguration":{"binding":"{{DataSources.Classification[Form.Classification.Name].Display}}","type":"text","disableUpdates":false}},{"type":"shape","id":"6bcae0be-4120-4b93-9bf3-e200ce09af06","elementConfiguration":{"image":"{{Form.SAPLogo.SubbrandBlack}}","visibility":"{{IfElse(Equals(Form.SAPLogo.HideSubBrandShape, \"Yes\"), VisibilityType.Hidden, VisibilityType.Visible)}}","type":"image","disableUpdates":false}},{"type":"shape","id":"56ac602f-ddbb-4137-916a-bf2d8737eaa6","elementConfiguration":{"binding":"{{DataSources.Classification[Form.Classification.Name].Display}}","type":"text","disableUpdates":false}},{"type":"shape","id":"88bbf18c-38e9-46ad-b83f-dcf85f334173","elementConfiguration":{"image":"{{Form.SAPLogo.SubbrandBlack}}","visibility":"{{IfElse(Equals(Form.SAPLogo.HideSubBrandShape, \"Yes\"), VisibilityType.Hidden, VisibilityType.Visible)}}","type":"image","disableUpdates":false}},{"type":"shape","id":"e30193eb-3aca-4b98-98b1-51e3b50ea89f","elementConfiguration":{"image":"{{Form.SAPLogo.LogoBlack}}","type":"image","disableUpdates":false}},{"type":"shape","id":"fb8a80b0-7ad4-46d1-8581-f23582bebb84","elementConfiguration":{"binding":"{{DataSources.PPTCopyRight[\"Slide 5 copyright\"].CopyrightMessage}}","visibility":"","type":"text","disableUpdates":false}},{"type":"shape","id":"679f0865-5467-4f50-a50c-d4eaba6e9b9e","elementConfiguration":{"image":"{{Form.SAPLogo.LogoWhite}}","type":"image","disableUpdates":false}},{"type":"shape","id":"17be55d2-cfc5-4641-8da4-6a664b84c719","elementConfiguration":{"binding":"{{DataSources.Classification[Form.Classification.Name].Display}}","type":"text","disableUpdates":false}},{"type":"shape","id":"3993125d-52af-4979-8885-524b6eded549","elementConfiguration":{"image":"{{Form.SAPLogo.SubbrandWhite}}","visibility":"{{IfElse(Equals(Form.SAPLogo.HideSubBrandShape, \"Yes\"), VisibilityType.Hidden, VisibilityType.Visible)}}","type":"image","disableUpdates":false}},{"type":"shape","id":"7b89ed81-8719-488a-b184-4929a883b59f","elementConfiguration":{"image":"{{Form.SAPLogo.LogoWhite}}","type":"image","disableUpdates":false}},{"type":"shape","id":"baf074e0-9c34-401a-a499-73ebe1c72860","elementConfiguration":{"image":"{{Form.SAPLogo.SubbrandWhite}}","visibility":"{{IfElse(Equals(Form.SAPLogo.HideSubBrandShape, \"Yes\"), VisibilityType.Hidden, VisibilityType.Visible)}}","type":"image","disableUpdates":false}},{"type":"shape","id":"d618746c-afd7-4a23-a9a6-78e96b42260d","elementConfiguration":{"binding":"{{DataSources.Classification[Form.Classification.Name].Display}}","type":"text","disableUpdates":false}},{"type":"shape","id":"19e3bbea-e892-494b-bf6e-97b1f50f3a41","elementConfiguration":{"image":"{{Form.SAPLogo.SubbrandWhite}}","visibility":"{{IfElse(Equals(Form.SAPLogo.HideSubBrandShape, \"Yes\"), VisibilityType.Hidden, VisibilityType.Visible)}}","type":"image","disableUpdates":false}},{"type":"shape","id":"ca725343-214d-4eaf-b395-30f3ab281d3e","elementConfiguration":{"binding":"{{DataSources.PPTCopyRight[\"Slide 5 copyright\"].CopyrightMessage}}","visibility":"","type":"text","disableUpdates":false}},{"type":"shape","id":"3ed2a441-495b-41a5-8c0d-b605700f3052","elementConfiguration":{"image":"{{Form.SAPLogo.LogoWhite}}","type":"image","disableUpdates":false}},{"type":"shape","id":"c47add93-9d70-4ca9-a95e-453474d407eb","elementConfiguration":{"binding":"{{StringJoin(\", \", Form.SpeakerName,\"SAP\")}}","type":"text","disableUpdates":false}},{"type":"shape","id":"ee385ade-f9a3-40a2-b641-ca35f5b32c21","elementConfiguration":{"binding":"{{FormatDateTime(Form.Date,\"MMMM dd, yyyy\",\"en-US\")}}","type":"text","disableUpdates":false}},{"type":"shape","id":"130c5bf9-fa5e-4193-925a-f3a9d3d37286","elementConfiguration":{"binding":"{{Form.SpeakerName}}","type":"text","disableUpdates":false}},{"type":"shape","id":"d93f76d7-7c0b-4d5e-872b-524aba38ea0f","elementConfiguration":{"binding":"{{Form.Email}}","type":"text","disableUpdates":false}},{"type":"shape","id":"0b58ff45-90c7-4805-aab3-ace61f93e268","elementConfiguration":{"binding":"{{StringJoin(\", \", Form.SpeakerName,\"SAP\")}}","type":"text","disableUpdates":false}},{"type":"shape","id":"be7997e7-8aba-4721-952f-a304eaf6b03d","elementConfiguration":{"binding":"{{FormatDateTime(Form.Date,\"MMMM dd, yyyy\",\"en-US\")}}","type":"text","disableUpdates":false}}],"transformationConfigurations":[],"templateName":"White Template","templateDescription":"","enableDocumentContentUpdater":true,"version":"2.0"}]]></TemplafyTemplateConfiguration>
</file>

<file path=customXml/item10.xml><?xml version="1.0" encoding="utf-8"?>
<TemplafySlideTemplateConfiguration><![CDATA[{"slideVersion":1,"isValidatorEnabled":false,"isLocked":false,"elementsMetadata":[],"slideId":"637622826752015581","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8187803293017223","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187803293017223","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8187803293017223","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187803293017223","enableDocumentContentUpdater":false,"version":"2.0"}]]></TemplafySlideTemplateConfiguration>
</file>

<file path=customXml/item22.xml><?xml version="1.0" encoding="utf-8"?>
<TemplafySlideTemplateConfiguration><![CDATA[{"slideVersion":1,"isValidatorEnabled":false,"isLocked":false,"elementsMetadata":[],"slideId":"638187803293017223","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7593499770815753","enableDocumentContentUpdater":false,"version":"2.0"}]]></TemplafySlideTemplateConfiguration>
</file>

<file path=customXml/item26.xml><?xml version="1.0" encoding="utf-8"?>
<TemplafySlideTemplateConfiguration><![CDATA[{"slideVersion":1,"isValidatorEnabled":false,"isLocked":false,"elementsMetadata":[{"elementConfiguration":{"binding":"{{StringJoin(\", \", Form.SpeakerName,\"SAP\")}}","disableUpdates":false,"type":"text"},"type":"shape"},{"elementConfiguration":{"binding":"{{FormatDateTime(Form.Date,\"MMMM dd, yyyy\",\"en-US\")}}","disableUpdates":false,"type":"text"},"type":"shape"},{"elementConfiguration":{"image":"{{Form.SAPLogo.LogoWhite}}","disableUpdates":false,"type":"image"},"type":"shape"},{"elementConfiguration":{"binding":"{{DataSources.Classification[Form.Classification.Name].Display}}","disableUpdates":false,"type":"text"},"type":"shape"},{"elementConfiguration":{"image":"{{Form.SAPLogo.SubbrandWhite}}","visibility":"{{IfElse(Equals(Form.SAPLogo.HideSubBrandShape, \"Yes\"), VisibilityType.Hidden, VisibilityType.Visible)}}","disableUpdates":false,"type":"image"},"type":"shape"}],"slideId":"638187803292897773","enableDocumentContentUpdater":false,"version":"2.0"}]]></TemplafySlideTemplateConfiguration>
</file>

<file path=customXml/item27.xml><?xml version="1.0" encoding="utf-8"?>
<?mso-contentType ?>
<FormTemplates xmlns="http://schemas.microsoft.com/sharepoint/v3/contenttype/forms">
  <Display>DocumentLibraryForm</Display>
  <Edit>DocumentLibraryForm</Edit>
  <New>DocumentLibraryForm</New>
</FormTemplates>
</file>

<file path=customXml/item28.xml><?xml version="1.0" encoding="utf-8"?>
<ct:contentTypeSchema xmlns:ct="http://schemas.microsoft.com/office/2006/metadata/contentType" xmlns:ma="http://schemas.microsoft.com/office/2006/metadata/properties/metaAttributes" ct:_="" ma:_="" ma:contentTypeName="Document" ma:contentTypeID="0x010100615F0F9DCBF1E94796646FCF98A7C072" ma:contentTypeVersion="13" ma:contentTypeDescription="Create a new document." ma:contentTypeScope="" ma:versionID="5b306df2387467d165757eb5a8cdddaa">
  <xsd:schema xmlns:xsd="http://www.w3.org/2001/XMLSchema" xmlns:xs="http://www.w3.org/2001/XMLSchema" xmlns:p="http://schemas.microsoft.com/office/2006/metadata/properties" xmlns:ns2="0e00d59e-b0d2-4e67-be34-67e465b0fbed" xmlns:ns3="47fc58d8-9f4b-4bc8-b278-c3cb6f298023" targetNamespace="http://schemas.microsoft.com/office/2006/metadata/properties" ma:root="true" ma:fieldsID="eebd9c38828bcd412c0ba6e1c1867684" ns2:_="" ns3:_="">
    <xsd:import namespace="0e00d59e-b0d2-4e67-be34-67e465b0fbed"/>
    <xsd:import namespace="47fc58d8-9f4b-4bc8-b278-c3cb6f298023"/>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ResponsibleContact" minOccurs="0"/>
                <xsd:element ref="ns3:MediaServiceLocation"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7fc58d8-9f4b-4bc8-b278-c3cb6f298023"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ResponsibleContact" ma:index="17" nillable="true" ma:displayName="Responsible Contact" ma:format="Dropdown" ma:list="UserInfo" ma:SharePointGroup="0" ma:internalName="ResponsibleContact">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Location" ma:index="18"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9.xml><?xml version="1.0" encoding="utf-8"?>
<TemplafySlideTemplateConfiguration><![CDATA[{"slideVersion":1,"isValidatorEnabled":false,"isLocked":false,"elementsMetadata":[],"slideId":"638187803293017223","enableDocumentContentUpdater":false,"version":"2.0"}]]></TemplafySlideTemplateConfiguration>
</file>

<file path=customXml/item3.xml><?xml version="1.0" encoding="utf-8"?>
<TemplafySlideTemplateConfiguration><![CDATA[{"slideVersion":1,"isValidatorEnabled":false,"isLocked":false,"elementsMetadata":[],"slideId":"637619450612434268","enableDocumentContentUpdater":false,"version":"2.0"}]]></TemplafySlideTemplateConfiguration>
</file>

<file path=customXml/item30.xml><?xml version="1.0" encoding="utf-8"?>
<TemplafySlideTemplateConfiguration><![CDATA[{"slideVersion":1,"isValidatorEnabled":false,"isLocked":false,"elementsMetadata":[],"slideId":"637622826752015581","enableDocumentContentUpdater":false,"version":"2.0"}]]></TemplafySlideTemplateConfiguration>
</file>

<file path=customXml/item31.xml><?xml version="1.0" encoding="utf-8"?>
<TemplafySlideTemplateConfiguration><![CDATA[{"slideVersion":1,"isValidatorEnabled":false,"isLocked":false,"elementsMetadata":[],"slideId":"638187803293017223","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YvFCCJr4i9NpRnrWPXVTMQFUGzuS1IzMqMdk8FuaIpA="},{"name":"Classification","value":"hBxQjLlSjxeh7OeEFu8zqeWzu+JhJOK0Kk7wAxrfD6w="},{"name":"Date","value":"3DqKBn7s3GRbOVsysWTmKg=="}]}]]></TemplafyForm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637619450612434268","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p:properties xmlns:p="http://schemas.microsoft.com/office/2006/metadata/properties" xmlns:xsi="http://www.w3.org/2001/XMLSchema-instance" xmlns:pc="http://schemas.microsoft.com/office/infopath/2007/PartnerControls">
  <documentManagement>
    <ResponsibleContact xmlns="47fc58d8-9f4b-4bc8-b278-c3cb6f298023">
      <UserInfo>
        <DisplayName/>
        <AccountId xsi:nil="true"/>
        <AccountType/>
      </UserInfo>
    </ResponsibleContact>
  </documentManagement>
</p:properties>
</file>

<file path=customXml/item38.xml><?xml version="1.0" encoding="utf-8"?>
<TemplafySlideFormConfiguration><![CDATA[{"formFields":[],"formDataEntries":[]}]]></TemplafySlideFormConfiguration>
</file>

<file path=customXml/item39.xml><?xml version="1.0" encoding="utf-8"?>
<TemplafySlideTemplateConfiguration><![CDATA[{"slideVersion":1,"isValidatorEnabled":false,"isLocked":false,"elementsMetadata":[],"slideId":"638061083798334022","enableDocumentContentUpdater":false,"version":"2.0"}]]></TemplafySlideTemplateConfiguration>
</file>

<file path=customXml/item4.xml><?xml version="1.0" encoding="utf-8"?>
<TemplafySlideTemplateConfiguration><![CDATA[{"slideVersion":1,"isValidatorEnabled":false,"isLocked":false,"elementsMetadata":[],"slideId":"638187803293017223","enableDocumentContentUpdater":false,"version":"2.0"}]]></TemplafySlideTemplateConfiguration>
</file>

<file path=customXml/item5.xml><?xml version="1.0" encoding="utf-8"?>
<TemplafySlideTemplateConfiguration><![CDATA[{"slideVersion":1,"isValidatorEnabled":false,"isLocked":false,"elementsMetadata":[],"slideId":"638187803293017223","enableDocumentContentUpdater":false,"version":"2.0"}]]></TemplafySlideTemplateConfiguration>
</file>

<file path=customXml/item6.xml><?xml version="1.0" encoding="utf-8"?>
<TemplafySlide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867244053543411","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626BBCBB-1894-4E66-BA48-9E91CE3ACBA0}">
  <ds:schemaRefs/>
</ds:datastoreItem>
</file>

<file path=customXml/itemProps10.xml><?xml version="1.0" encoding="utf-8"?>
<ds:datastoreItem xmlns:ds="http://schemas.openxmlformats.org/officeDocument/2006/customXml" ds:itemID="{B1402357-A442-4C2F-9484-0B5B778AE0C6}">
  <ds:schemaRefs/>
</ds:datastoreItem>
</file>

<file path=customXml/itemProps11.xml><?xml version="1.0" encoding="utf-8"?>
<ds:datastoreItem xmlns:ds="http://schemas.openxmlformats.org/officeDocument/2006/customXml" ds:itemID="{F26599AA-852B-4823-B99D-7AC2DDD773B2}">
  <ds:schemaRefs/>
</ds:datastoreItem>
</file>

<file path=customXml/itemProps12.xml><?xml version="1.0" encoding="utf-8"?>
<ds:datastoreItem xmlns:ds="http://schemas.openxmlformats.org/officeDocument/2006/customXml" ds:itemID="{10E801E8-F3AD-4938-91F1-F747D7527B10}">
  <ds:schemaRefs/>
</ds:datastoreItem>
</file>

<file path=customXml/itemProps13.xml><?xml version="1.0" encoding="utf-8"?>
<ds:datastoreItem xmlns:ds="http://schemas.openxmlformats.org/officeDocument/2006/customXml" ds:itemID="{76568B6B-A00F-4FE5-A955-70C03DC530D2}">
  <ds:schemaRefs/>
</ds:datastoreItem>
</file>

<file path=customXml/itemProps14.xml><?xml version="1.0" encoding="utf-8"?>
<ds:datastoreItem xmlns:ds="http://schemas.openxmlformats.org/officeDocument/2006/customXml" ds:itemID="{1113AA6A-6700-40AD-8F20-57DD4A1A44B1}">
  <ds:schemaRefs/>
</ds:datastoreItem>
</file>

<file path=customXml/itemProps15.xml><?xml version="1.0" encoding="utf-8"?>
<ds:datastoreItem xmlns:ds="http://schemas.openxmlformats.org/officeDocument/2006/customXml" ds:itemID="{628DEE4D-3B0C-47D9-9866-1B0BADFD8A79}">
  <ds:schemaRefs/>
</ds:datastoreItem>
</file>

<file path=customXml/itemProps16.xml><?xml version="1.0" encoding="utf-8"?>
<ds:datastoreItem xmlns:ds="http://schemas.openxmlformats.org/officeDocument/2006/customXml" ds:itemID="{5D53E2DD-4298-4DCC-BC59-AA08D362C59F}">
  <ds:schemaRefs/>
</ds:datastoreItem>
</file>

<file path=customXml/itemProps17.xml><?xml version="1.0" encoding="utf-8"?>
<ds:datastoreItem xmlns:ds="http://schemas.openxmlformats.org/officeDocument/2006/customXml" ds:itemID="{9A1EC6C0-585A-E049-9DAB-A6511C3C340D}">
  <ds:schemaRefs/>
</ds:datastoreItem>
</file>

<file path=customXml/itemProps18.xml><?xml version="1.0" encoding="utf-8"?>
<ds:datastoreItem xmlns:ds="http://schemas.openxmlformats.org/officeDocument/2006/customXml" ds:itemID="{439666D4-B72E-49C9-A366-358A9EE79D5E}">
  <ds:schemaRefs/>
</ds:datastoreItem>
</file>

<file path=customXml/itemProps19.xml><?xml version="1.0" encoding="utf-8"?>
<ds:datastoreItem xmlns:ds="http://schemas.openxmlformats.org/officeDocument/2006/customXml" ds:itemID="{89ED9149-0003-4F58-A5EC-1784EAB89DEC}">
  <ds:schemaRefs/>
</ds:datastoreItem>
</file>

<file path=customXml/itemProps2.xml><?xml version="1.0" encoding="utf-8"?>
<ds:datastoreItem xmlns:ds="http://schemas.openxmlformats.org/officeDocument/2006/customXml" ds:itemID="{3050465A-F669-4F14-A06A-646CD6CABC7B}">
  <ds:schemaRefs/>
</ds:datastoreItem>
</file>

<file path=customXml/itemProps20.xml><?xml version="1.0" encoding="utf-8"?>
<ds:datastoreItem xmlns:ds="http://schemas.openxmlformats.org/officeDocument/2006/customXml" ds:itemID="{DB124179-0857-463A-98C1-6B741AD6EFD8}">
  <ds:schemaRefs/>
</ds:datastoreItem>
</file>

<file path=customXml/itemProps21.xml><?xml version="1.0" encoding="utf-8"?>
<ds:datastoreItem xmlns:ds="http://schemas.openxmlformats.org/officeDocument/2006/customXml" ds:itemID="{1008C20C-0B39-442F-B5E8-862B227252D7}">
  <ds:schemaRefs/>
</ds:datastoreItem>
</file>

<file path=customXml/itemProps22.xml><?xml version="1.0" encoding="utf-8"?>
<ds:datastoreItem xmlns:ds="http://schemas.openxmlformats.org/officeDocument/2006/customXml" ds:itemID="{F09F0120-A96C-4518-94E6-F7910F25A237}">
  <ds:schemaRefs/>
</ds:datastoreItem>
</file>

<file path=customXml/itemProps23.xml><?xml version="1.0" encoding="utf-8"?>
<ds:datastoreItem xmlns:ds="http://schemas.openxmlformats.org/officeDocument/2006/customXml" ds:itemID="{721D4734-0B71-4ABE-92B5-89EE01ABE5C5}">
  <ds:schemaRefs/>
</ds:datastoreItem>
</file>

<file path=customXml/itemProps24.xml><?xml version="1.0" encoding="utf-8"?>
<ds:datastoreItem xmlns:ds="http://schemas.openxmlformats.org/officeDocument/2006/customXml" ds:itemID="{6DC164B2-E94B-4E46-9B2C-A3F0DE478CEE}">
  <ds:schemaRefs/>
</ds:datastoreItem>
</file>

<file path=customXml/itemProps25.xml><?xml version="1.0" encoding="utf-8"?>
<ds:datastoreItem xmlns:ds="http://schemas.openxmlformats.org/officeDocument/2006/customXml" ds:itemID="{1FF52E74-5430-48C8-AA8A-95740B9C68A0}">
  <ds:schemaRefs/>
</ds:datastoreItem>
</file>

<file path=customXml/itemProps26.xml><?xml version="1.0" encoding="utf-8"?>
<ds:datastoreItem xmlns:ds="http://schemas.openxmlformats.org/officeDocument/2006/customXml" ds:itemID="{BA02BD6B-FF19-4131-BE30-8ED5291CC078}">
  <ds:schemaRefs/>
</ds:datastoreItem>
</file>

<file path=customXml/itemProps27.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8.xml><?xml version="1.0" encoding="utf-8"?>
<ds:datastoreItem xmlns:ds="http://schemas.openxmlformats.org/officeDocument/2006/customXml" ds:itemID="{B3812128-B7DF-461F-A8F2-831754A1D2F6}">
  <ds:schemaRefs>
    <ds:schemaRef ds:uri="0e00d59e-b0d2-4e67-be34-67e465b0fbed"/>
    <ds:schemaRef ds:uri="47fc58d8-9f4b-4bc8-b278-c3cb6f298023"/>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29.xml><?xml version="1.0" encoding="utf-8"?>
<ds:datastoreItem xmlns:ds="http://schemas.openxmlformats.org/officeDocument/2006/customXml" ds:itemID="{539F0E6F-1BA1-4515-8178-639D9ECA04D9}">
  <ds:schemaRefs/>
</ds:datastoreItem>
</file>

<file path=customXml/itemProps3.xml><?xml version="1.0" encoding="utf-8"?>
<ds:datastoreItem xmlns:ds="http://schemas.openxmlformats.org/officeDocument/2006/customXml" ds:itemID="{485DCF4C-7776-4402-AFD1-3E1113CAC8CB}">
  <ds:schemaRefs/>
</ds:datastoreItem>
</file>

<file path=customXml/itemProps30.xml><?xml version="1.0" encoding="utf-8"?>
<ds:datastoreItem xmlns:ds="http://schemas.openxmlformats.org/officeDocument/2006/customXml" ds:itemID="{813F551D-B859-924D-A5B0-2369224925F6}">
  <ds:schemaRefs/>
</ds:datastoreItem>
</file>

<file path=customXml/itemProps31.xml><?xml version="1.0" encoding="utf-8"?>
<ds:datastoreItem xmlns:ds="http://schemas.openxmlformats.org/officeDocument/2006/customXml" ds:itemID="{CED38183-F73E-4B07-B822-DD49C1D0FFB1}">
  <ds:schemaRefs/>
</ds:datastoreItem>
</file>

<file path=customXml/itemProps32.xml><?xml version="1.0" encoding="utf-8"?>
<ds:datastoreItem xmlns:ds="http://schemas.openxmlformats.org/officeDocument/2006/customXml" ds:itemID="{6C8FC5B5-9F60-4E32-B007-134AA25CFBA3}">
  <ds:schemaRefs/>
</ds:datastoreItem>
</file>

<file path=customXml/itemProps33.xml><?xml version="1.0" encoding="utf-8"?>
<ds:datastoreItem xmlns:ds="http://schemas.openxmlformats.org/officeDocument/2006/customXml" ds:itemID="{CC49FFC8-2FF3-4057-96F0-3BCD1A4F0351}">
  <ds:schemaRefs/>
</ds:datastoreItem>
</file>

<file path=customXml/itemProps34.xml><?xml version="1.0" encoding="utf-8"?>
<ds:datastoreItem xmlns:ds="http://schemas.openxmlformats.org/officeDocument/2006/customXml" ds:itemID="{6B4F2AC9-9C1E-4558-84C5-327B9128299E}">
  <ds:schemaRefs/>
</ds:datastoreItem>
</file>

<file path=customXml/itemProps35.xml><?xml version="1.0" encoding="utf-8"?>
<ds:datastoreItem xmlns:ds="http://schemas.openxmlformats.org/officeDocument/2006/customXml" ds:itemID="{4533E6CB-F112-45F0-BC28-442181CD4797}">
  <ds:schemaRefs/>
</ds:datastoreItem>
</file>

<file path=customXml/itemProps36.xml><?xml version="1.0" encoding="utf-8"?>
<ds:datastoreItem xmlns:ds="http://schemas.openxmlformats.org/officeDocument/2006/customXml" ds:itemID="{4ECDA7C7-6B10-45E2-98D1-2C430018FE39}">
  <ds:schemaRefs/>
</ds:datastoreItem>
</file>

<file path=customXml/itemProps37.xml><?xml version="1.0" encoding="utf-8"?>
<ds:datastoreItem xmlns:ds="http://schemas.openxmlformats.org/officeDocument/2006/customXml" ds:itemID="{C1422F45-04DB-421D-8796-270006657806}">
  <ds:schemaRefs>
    <ds:schemaRef ds:uri="0e00d59e-b0d2-4e67-be34-67e465b0fbed"/>
    <ds:schemaRef ds:uri="47fc58d8-9f4b-4bc8-b278-c3cb6f298023"/>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38.xml><?xml version="1.0" encoding="utf-8"?>
<ds:datastoreItem xmlns:ds="http://schemas.openxmlformats.org/officeDocument/2006/customXml" ds:itemID="{54046E4F-E6B9-4BA2-AB13-226AA79BCBCE}">
  <ds:schemaRefs/>
</ds:datastoreItem>
</file>

<file path=customXml/itemProps39.xml><?xml version="1.0" encoding="utf-8"?>
<ds:datastoreItem xmlns:ds="http://schemas.openxmlformats.org/officeDocument/2006/customXml" ds:itemID="{61D2789A-23EA-4429-8FF8-98D018B031FF}">
  <ds:schemaRefs/>
</ds:datastoreItem>
</file>

<file path=customXml/itemProps4.xml><?xml version="1.0" encoding="utf-8"?>
<ds:datastoreItem xmlns:ds="http://schemas.openxmlformats.org/officeDocument/2006/customXml" ds:itemID="{D9ACBEE7-01AF-4AF0-877E-F16946B21F94}">
  <ds:schemaRefs/>
</ds:datastoreItem>
</file>

<file path=customXml/itemProps5.xml><?xml version="1.0" encoding="utf-8"?>
<ds:datastoreItem xmlns:ds="http://schemas.openxmlformats.org/officeDocument/2006/customXml" ds:itemID="{51EEC166-BA08-40CB-8642-D6FDC9B3E033}">
  <ds:schemaRefs/>
</ds:datastoreItem>
</file>

<file path=customXml/itemProps6.xml><?xml version="1.0" encoding="utf-8"?>
<ds:datastoreItem xmlns:ds="http://schemas.openxmlformats.org/officeDocument/2006/customXml" ds:itemID="{6BFBC55F-D39D-40A1-AB73-A4EC7E5DB189}">
  <ds:schemaRefs/>
</ds:datastoreItem>
</file>

<file path=customXml/itemProps7.xml><?xml version="1.0" encoding="utf-8"?>
<ds:datastoreItem xmlns:ds="http://schemas.openxmlformats.org/officeDocument/2006/customXml" ds:itemID="{BFE9E1FB-D14D-4B75-8439-FB6192909C8A}">
  <ds:schemaRefs/>
</ds:datastoreItem>
</file>

<file path=customXml/itemProps8.xml><?xml version="1.0" encoding="utf-8"?>
<ds:datastoreItem xmlns:ds="http://schemas.openxmlformats.org/officeDocument/2006/customXml" ds:itemID="{6F108D6A-CD5B-43FB-B433-B455D1CD5D83}">
  <ds:schemaRefs/>
</ds:datastoreItem>
</file>

<file path=customXml/itemProps9.xml><?xml version="1.0" encoding="utf-8"?>
<ds:datastoreItem xmlns:ds="http://schemas.openxmlformats.org/officeDocument/2006/customXml" ds:itemID="{B3F7CF2D-4E32-426E-8342-B95A4A6C0ABE}">
  <ds:schemaRefs/>
</ds:datastoreItem>
</file>

<file path=docProps/app.xml><?xml version="1.0" encoding="utf-8"?>
<Properties xmlns="http://schemas.openxmlformats.org/officeDocument/2006/extended-properties" xmlns:vt="http://schemas.openxmlformats.org/officeDocument/2006/docPropsVTypes">
  <Template/>
  <TotalTime>0</TotalTime>
  <Words>1261</Words>
  <Application>Microsoft Office PowerPoint</Application>
  <PresentationFormat>Custom</PresentationFormat>
  <Paragraphs>217</Paragraphs>
  <Slides>20</Slides>
  <Notes>7</Notes>
  <HiddenSlides>0</HiddenSlides>
  <MMClips>0</MMClips>
  <ScaleCrop>false</ScaleCrop>
  <HeadingPairs>
    <vt:vector size="6" baseType="variant">
      <vt:variant>
        <vt:lpstr>Fonts Used</vt:lpstr>
      </vt:variant>
      <vt:variant>
        <vt:i4>9</vt:i4>
      </vt:variant>
      <vt:variant>
        <vt:lpstr>Theme</vt:lpstr>
      </vt:variant>
      <vt:variant>
        <vt:i4>3</vt:i4>
      </vt:variant>
      <vt:variant>
        <vt:lpstr>Slide Titles</vt:lpstr>
      </vt:variant>
      <vt:variant>
        <vt:i4>20</vt:i4>
      </vt:variant>
    </vt:vector>
  </HeadingPairs>
  <TitlesOfParts>
    <vt:vector size="32" baseType="lpstr">
      <vt:lpstr>Arial</vt:lpstr>
      <vt:lpstr>Assistant</vt:lpstr>
      <vt:lpstr>Calibri</vt:lpstr>
      <vt:lpstr>Courier New</vt:lpstr>
      <vt:lpstr>GuardianTextEgyptian</vt:lpstr>
      <vt:lpstr>monumentgrotesk</vt:lpstr>
      <vt:lpstr>Symbol</vt:lpstr>
      <vt:lpstr>wingdings</vt:lpstr>
      <vt:lpstr>wingdings</vt:lpstr>
      <vt:lpstr>SAP 2023 16x9 white</vt:lpstr>
      <vt:lpstr>1_SAP 2023 16x9 black</vt:lpstr>
      <vt:lpstr>SAP 2023 16x9 blue</vt:lpstr>
      <vt:lpstr>PowerPoint Presentation</vt:lpstr>
      <vt:lpstr>BirdBrain.AI Unlock the secrets of the skies* with BirdBrain.AI</vt:lpstr>
      <vt:lpstr>Agenda</vt:lpstr>
      <vt:lpstr>Motivation </vt:lpstr>
      <vt:lpstr>Project Goal </vt:lpstr>
      <vt:lpstr>Data Set</vt:lpstr>
      <vt:lpstr>Architecture</vt:lpstr>
      <vt:lpstr>Front- and Backend</vt:lpstr>
      <vt:lpstr>Model - EfficientNet</vt:lpstr>
      <vt:lpstr>Model - Implementation</vt:lpstr>
      <vt:lpstr>Evaluation - Performance</vt:lpstr>
      <vt:lpstr>Evaluation – Confusion Matrices</vt:lpstr>
      <vt:lpstr>DEMO</vt:lpstr>
      <vt:lpstr>Challenges</vt:lpstr>
      <vt:lpstr>Conclusion</vt:lpstr>
      <vt:lpstr>Q &amp; A</vt:lpstr>
      <vt:lpstr>Thank you.</vt:lpstr>
      <vt:lpstr>Image Sources</vt:lpstr>
      <vt:lpstr>Additional Sources</vt:lpstr>
      <vt:lpstr>Compound Scaling</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SAP</dc:creator>
  <cp:keywords>2023/16:9/white</cp:keywords>
  <dc:description/>
  <cp:lastModifiedBy>Mueller, Valentin</cp:lastModifiedBy>
  <cp:revision>2</cp:revision>
  <dcterms:created xsi:type="dcterms:W3CDTF">2023-07-20T17:59:36Z</dcterms:created>
  <dcterms:modified xsi:type="dcterms:W3CDTF">2023-07-23T20:42:56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615F0F9DCBF1E94796646FCF98A7C072</vt:lpwstr>
  </property>
  <property fmtid="{D5CDD505-2E9C-101B-9397-08002B2CF9AE}" pid="9" name="TemplafyTimeStamp">
    <vt:lpwstr>2023-05-04T06:58:49</vt:lpwstr>
  </property>
  <property fmtid="{D5CDD505-2E9C-101B-9397-08002B2CF9AE}" pid="10" name="TemplafyTenantId">
    <vt:lpwstr>sap</vt:lpwstr>
  </property>
  <property fmtid="{D5CDD505-2E9C-101B-9397-08002B2CF9AE}" pid="11" name="TemplafyTemplateId">
    <vt:lpwstr>638061059767388529</vt:lpwstr>
  </property>
  <property fmtid="{D5CDD505-2E9C-101B-9397-08002B2CF9AE}" pid="12" name="TemplafyUserProfileId">
    <vt:lpwstr>637717334120129043</vt:lpwstr>
  </property>
  <property fmtid="{D5CDD505-2E9C-101B-9397-08002B2CF9AE}" pid="13" name="TemplafyLanguageCode">
    <vt:lpwstr>en-US</vt:lpwstr>
  </property>
  <property fmtid="{D5CDD505-2E9C-101B-9397-08002B2CF9AE}" pid="14" name="TemplafyFromBlank">
    <vt:bool>false</vt:bool>
  </property>
</Properties>
</file>